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Default Extension="wdp" ContentType="image/vnd.ms-photo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0"/>
  </p:sldMasterIdLst>
  <p:notesMasterIdLst>
    <p:notesMasterId r:id="rId28"/>
  </p:notesMasterIdLst>
  <p:handoutMasterIdLst>
    <p:handoutMasterId r:id="rId29"/>
  </p:handoutMasterIdLst>
  <p:sldIdLst>
    <p:sldId id="256" r:id="rId11"/>
    <p:sldId id="260" r:id="rId12"/>
    <p:sldId id="275" r:id="rId13"/>
    <p:sldId id="264" r:id="rId14"/>
    <p:sldId id="262" r:id="rId15"/>
    <p:sldId id="274" r:id="rId16"/>
    <p:sldId id="273" r:id="rId17"/>
    <p:sldId id="270" r:id="rId18"/>
    <p:sldId id="280" r:id="rId19"/>
    <p:sldId id="282" r:id="rId20"/>
    <p:sldId id="281" r:id="rId21"/>
    <p:sldId id="276" r:id="rId22"/>
    <p:sldId id="283" r:id="rId23"/>
    <p:sldId id="277" r:id="rId24"/>
    <p:sldId id="272" r:id="rId25"/>
    <p:sldId id="271" r:id="rId26"/>
    <p:sldId id="278" r:id="rId27"/>
  </p:sldIdLst>
  <p:sldSz cx="12190413" cy="6858000"/>
  <p:notesSz cx="6858000" cy="9144000"/>
  <p:custDataLst>
    <p:tags r:id="rId3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01F414E-6ABE-4858-B7EC-26A5BF445ECC}">
          <p14:sldIdLst>
            <p14:sldId id="256"/>
            <p14:sldId id="260"/>
            <p14:sldId id="275"/>
          </p14:sldIdLst>
        </p14:section>
        <p14:section name="Eksperimental" id="{8C5EF6FD-4C18-4E4A-8F8B-52A632744B3B}">
          <p14:sldIdLst>
            <p14:sldId id="264"/>
            <p14:sldId id="262"/>
            <p14:sldId id="274"/>
            <p14:sldId id="273"/>
          </p14:sldIdLst>
        </p14:section>
        <p14:section name="XRD" id="{845BFC94-B137-4EFD-B30F-F91EC044AADF}">
          <p14:sldIdLst>
            <p14:sldId id="270"/>
            <p14:sldId id="280"/>
            <p14:sldId id="282"/>
            <p14:sldId id="281"/>
            <p14:sldId id="276"/>
            <p14:sldId id="283"/>
            <p14:sldId id="277"/>
          </p14:sldIdLst>
        </p14:section>
        <p14:section name="XPS" id="{346A2D39-326F-484A-919F-39861B64BBE2}">
          <p14:sldIdLst>
            <p14:sldId id="272"/>
            <p14:sldId id="271"/>
            <p14:sldId id="278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737"/>
    <a:srgbClr val="F7BCB3"/>
    <a:srgbClr val="FC7634"/>
    <a:srgbClr val="F6D04D"/>
    <a:srgbClr val="171748"/>
    <a:srgbClr val="1FD082"/>
    <a:srgbClr val="2F3EEA"/>
    <a:srgbClr val="FFFFFF"/>
    <a:srgbClr val="99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5510" autoAdjust="0"/>
  </p:normalViewPr>
  <p:slideViewPr>
    <p:cSldViewPr showGuides="1">
      <p:cViewPr varScale="1">
        <p:scale>
          <a:sx n="120" d="100"/>
          <a:sy n="120" d="100"/>
        </p:scale>
        <p:origin x="120" y="22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100" d="100"/>
          <a:sy n="100" d="100"/>
        </p:scale>
        <p:origin x="3552" y="7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notesMaster" Target="notesMasters/notesMaster1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0716272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</a:t>
            </a:r>
            <a:r>
              <a:rPr lang="da-DK" noProof="0" dirty="0" err="1"/>
              <a:t>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</a:t>
            </a:r>
            <a:r>
              <a:rPr lang="da-DK" noProof="0" dirty="0" err="1"/>
              <a:t>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</a:t>
            </a:r>
            <a:r>
              <a:rPr lang="da-DK" noProof="0" dirty="0" err="1"/>
              <a:t>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Su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622" y="426127"/>
            <a:ext cx="10248478" cy="770625"/>
          </a:xfrm>
        </p:spPr>
        <p:txBody>
          <a:bodyPr/>
          <a:lstStyle/>
          <a:p>
            <a:r>
              <a:rPr lang="en-US" noProof="0" dirty="0" smtClean="0"/>
              <a:t>Title</a:t>
            </a:r>
            <a:endParaRPr lang="en-US" noProof="0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838622" y="1744153"/>
            <a:ext cx="10248478" cy="4507753"/>
          </a:xfrm>
        </p:spPr>
        <p:txBody>
          <a:bodyPr/>
          <a:lstStyle/>
          <a:p>
            <a:pPr lvl="0"/>
            <a:r>
              <a:rPr lang="en-US" noProof="0" dirty="0" smtClean="0"/>
              <a:t>Edit Master text styles</a:t>
            </a:r>
          </a:p>
          <a:p>
            <a:pPr lvl="1"/>
            <a:r>
              <a:rPr lang="en-US" noProof="0" dirty="0" smtClean="0"/>
              <a:t>Second level</a:t>
            </a:r>
          </a:p>
          <a:p>
            <a:pPr lvl="2"/>
            <a:r>
              <a:rPr lang="en-US" noProof="0" dirty="0" smtClean="0"/>
              <a:t>Third level</a:t>
            </a:r>
          </a:p>
          <a:p>
            <a:pPr lvl="3"/>
            <a:r>
              <a:rPr lang="en-US" noProof="0" dirty="0" smtClean="0"/>
              <a:t>Fourth level</a:t>
            </a:r>
          </a:p>
          <a:p>
            <a:pPr lvl="4"/>
            <a:r>
              <a:rPr lang="en-US" noProof="0" dirty="0" smtClean="0"/>
              <a:t>Fifth level</a:t>
            </a:r>
            <a:endParaRPr lang="en-US" noProof="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D134FCF-781B-2A43-80C2-8E657CD2456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31934" y="1223071"/>
            <a:ext cx="10248370" cy="405730"/>
          </a:xfrm>
        </p:spPr>
        <p:txBody>
          <a:bodyPr/>
          <a:lstStyle>
            <a:lvl1pPr marL="0" indent="0">
              <a:buNone/>
              <a:defRPr lang="da-DK" sz="2000" b="1" dirty="0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</a:lstStyle>
          <a:p>
            <a:pPr lvl="0"/>
            <a:r>
              <a:rPr lang="en-US" noProof="0" dirty="0" smtClean="0"/>
              <a:t>Subject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596672609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b2731bc4-e5db-4b52-bfb9-38f322471858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700" b="1" dirty="0" err="1" smtClean="0">
                <a:solidFill>
                  <a:schemeClr val="bg1"/>
                </a:solidFill>
                <a:latin typeface="+mn-lt"/>
              </a:rPr>
              <a:t>Physics</a:t>
            </a: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d4ad963c-5d27-4ec4-889b-c33b15b4fcf7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October 18, 2019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d600d8c1-45ce-4b93-83df-457a7732ef8a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US" sz="700" noProof="0" dirty="0" smtClean="0">
                <a:solidFill>
                  <a:schemeClr val="bg1"/>
                </a:solidFill>
                <a:latin typeface="+mn-lt"/>
              </a:rPr>
              <a:t>CO₂ </a:t>
            </a:r>
            <a:r>
              <a:rPr lang="en-US" sz="700" noProof="0" dirty="0" err="1" smtClean="0">
                <a:solidFill>
                  <a:schemeClr val="bg1"/>
                </a:solidFill>
                <a:latin typeface="+mn-lt"/>
              </a:rPr>
              <a:t>submeeting</a:t>
            </a:r>
            <a:endParaRPr lang="en-US" sz="700" noProof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78" r:id="rId3"/>
    <p:sldLayoutId id="2147483664" r:id="rId4"/>
    <p:sldLayoutId id="2147483677" r:id="rId5"/>
    <p:sldLayoutId id="2147483672" r:id="rId6"/>
    <p:sldLayoutId id="2147483673" r:id="rId7"/>
    <p:sldLayoutId id="2147483676" r:id="rId8"/>
    <p:sldLayoutId id="2147483666" r:id="rId9"/>
    <p:sldLayoutId id="2147483667" r:id="rId10"/>
    <p:sldLayoutId id="2147483668" r:id="rId11"/>
    <p:sldLayoutId id="2147483669" r:id="rId12"/>
  </p:sldLayoutIdLst>
  <p:timing>
    <p:tnLst>
      <p:par>
        <p:cTn id="1" dur="indefinite" restart="never" nodeType="tmRoot"/>
      </p:par>
    </p:tnLst>
  </p:timing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9.png"/><Relationship Id="rId5" Type="http://schemas.openxmlformats.org/officeDocument/2006/relationships/image" Target="../media/image28.png"/><Relationship Id="rId4" Type="http://schemas.openxmlformats.org/officeDocument/2006/relationships/image" Target="../media/image25.jpe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e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1.png"/><Relationship Id="rId5" Type="http://schemas.openxmlformats.org/officeDocument/2006/relationships/image" Target="../media/image25.jpeg"/><Relationship Id="rId4" Type="http://schemas.openxmlformats.org/officeDocument/2006/relationships/image" Target="../media/image24.jpe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4.png"/><Relationship Id="rId4" Type="http://schemas.openxmlformats.org/officeDocument/2006/relationships/image" Target="../media/image3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5.jpeg"/><Relationship Id="rId4" Type="http://schemas.openxmlformats.org/officeDocument/2006/relationships/image" Target="../media/image3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jpeg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.png"/><Relationship Id="rId4" Type="http://schemas.microsoft.com/office/2007/relationships/hdphoto" Target="../media/hdphoto1.wdp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jpeg"/><Relationship Id="rId3" Type="http://schemas.openxmlformats.org/officeDocument/2006/relationships/image" Target="../media/image6.jpeg"/><Relationship Id="rId7" Type="http://schemas.openxmlformats.org/officeDocument/2006/relationships/image" Target="../media/image10.jpeg"/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jpeg"/><Relationship Id="rId5" Type="http://schemas.openxmlformats.org/officeDocument/2006/relationships/image" Target="../media/image8.jpeg"/><Relationship Id="rId4" Type="http://schemas.openxmlformats.org/officeDocument/2006/relationships/image" Target="../media/image7.jpeg"/><Relationship Id="rId9" Type="http://schemas.openxmlformats.org/officeDocument/2006/relationships/image" Target="../media/image12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jpeg"/><Relationship Id="rId2" Type="http://schemas.openxmlformats.org/officeDocument/2006/relationships/image" Target="../media/image13.jpe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5.jpe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image" Target="../media/image17.png"/><Relationship Id="rId7" Type="http://schemas.openxmlformats.org/officeDocument/2006/relationships/image" Target="../media/image21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0.png"/><Relationship Id="rId11" Type="http://schemas.openxmlformats.org/officeDocument/2006/relationships/image" Target="../media/image24.jpeg"/><Relationship Id="rId5" Type="http://schemas.openxmlformats.org/officeDocument/2006/relationships/image" Target="../media/image19.png"/><Relationship Id="rId10" Type="http://schemas.openxmlformats.org/officeDocument/2006/relationships/image" Target="../media/image10.jpeg"/><Relationship Id="rId4" Type="http://schemas.openxmlformats.org/officeDocument/2006/relationships/image" Target="../media/image18.png"/><Relationship Id="rId9" Type="http://schemas.openxmlformats.org/officeDocument/2006/relationships/image" Target="../media/image2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7.png"/><Relationship Id="rId5" Type="http://schemas.openxmlformats.org/officeDocument/2006/relationships/image" Target="../media/image26.png"/><Relationship Id="rId4" Type="http://schemas.openxmlformats.org/officeDocument/2006/relationships/image" Target="../media/image25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nealing at different temperatures</a:t>
            </a: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>
          <a:xfrm>
            <a:off x="838622" y="1744153"/>
            <a:ext cx="2448272" cy="892759"/>
          </a:xfrm>
        </p:spPr>
        <p:txBody>
          <a:bodyPr/>
          <a:lstStyle/>
          <a:p>
            <a:r>
              <a:rPr lang="en-US" dirty="0" smtClean="0"/>
              <a:t>No </a:t>
            </a:r>
            <a:r>
              <a:rPr lang="en-US" dirty="0" err="1" smtClean="0"/>
              <a:t>PdZn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b="1" dirty="0">
              <a:solidFill>
                <a:schemeClr val="bg1"/>
              </a:solidFill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GIXRD - </a:t>
            </a:r>
            <a:r>
              <a:rPr lang="el-GR" dirty="0"/>
              <a:t>ω</a:t>
            </a:r>
            <a:r>
              <a:rPr lang="en-US" dirty="0"/>
              <a:t> = 0.5°, mask = 10 mm</a:t>
            </a:r>
          </a:p>
          <a:p>
            <a:endParaRPr lang="en-US" dirty="0"/>
          </a:p>
          <a:p>
            <a:endParaRPr lang="en-US" dirty="0"/>
          </a:p>
        </p:txBody>
      </p:sp>
      <p:grpSp>
        <p:nvGrpSpPr>
          <p:cNvPr id="16" name="Group 15"/>
          <p:cNvGrpSpPr/>
          <p:nvPr/>
        </p:nvGrpSpPr>
        <p:grpSpPr>
          <a:xfrm>
            <a:off x="8399462" y="2192045"/>
            <a:ext cx="2256112" cy="2821131"/>
            <a:chOff x="8399462" y="2192045"/>
            <a:chExt cx="2256112" cy="2821131"/>
          </a:xfrm>
        </p:grpSpPr>
        <p:grpSp>
          <p:nvGrpSpPr>
            <p:cNvPr id="21" name="Group 20"/>
            <p:cNvGrpSpPr/>
            <p:nvPr/>
          </p:nvGrpSpPr>
          <p:grpSpPr>
            <a:xfrm>
              <a:off x="8399462" y="2192045"/>
              <a:ext cx="2256112" cy="2821131"/>
              <a:chOff x="8005566" y="1718508"/>
              <a:chExt cx="2256112" cy="2821131"/>
            </a:xfrm>
          </p:grpSpPr>
          <p:grpSp>
            <p:nvGrpSpPr>
              <p:cNvPr id="17" name="Group 16"/>
              <p:cNvGrpSpPr/>
              <p:nvPr/>
            </p:nvGrpSpPr>
            <p:grpSpPr>
              <a:xfrm>
                <a:off x="8964148" y="1718508"/>
                <a:ext cx="1297530" cy="2674529"/>
                <a:chOff x="9593752" y="-934144"/>
                <a:chExt cx="1297530" cy="2674529"/>
              </a:xfrm>
            </p:grpSpPr>
            <p:pic>
              <p:nvPicPr>
                <p:cNvPr id="18" name="Picture 2" descr="https://lh3.googleusercontent.com/k6ihYAVuRqomWUdS-IcaN15ai5ftE-wBZOQBK_rdc35sL13CfpOtAOEGgAtz3FEeolxKkQRhEgwEsFpQZveQbzW9giMv7mCa2-rn2n9aHXpSSjLER3gFqyffLpefiYosI95fCJKVjw2pte3ZinkVZMLHKfeHYOWDek7Gnho5cIrPAp78Z5y6U_wuCbd1Z-Y8M9--5LaTPY2SyBminsF6H8PLWsFyykz3u91cVPBd2Vfi7eLAokNJ8KH52s3CyI_lgQaJVNYa-Awj8Ds19V7s2csiqr0YAVai220FZ0ropy-5PNikqa0iiOaqxJRi5tDmzOcLjtnD0dnLIwxIokLMW8QMlXi2ZBB7mNcnBctVr_66YJwZMcDk54xWjHSiLsg5Zks-i6jk90qtF8YMNd2o2ElwQNxDAW-K1KH1eSL5s34kA-QwBMF0UhN8rRPVrOY08Ly9kZ-c059bEplbQFrOkCzYl_jSR30MB_QF2DMljAZP5qKIiNA5BuMAqQTWIjeEXzDipLjnjdINfSgEq_ziGTk112eCntbCYbJB-tdtRzpy7sNDvyGeWgY0itAnJz6hqdxrKs9DkMD7npa2fq7o9BADvWGqqsLD_5ERhIs5GcRwD4DJ0WBS5DWyNx-OPbjUicGXZMNmyOIa_81S9FmAc8KrXV48bfXgrjoTcfuIsPuCdl1goMDpRjKy=w1410-h1057-no"/>
                <p:cNvPicPr>
                  <a:picLocks noChangeAspect="1" noChangeArrowheads="1"/>
                </p:cNvPicPr>
                <p:nvPr/>
              </p:nvPicPr>
              <p:blipFill rotWithShape="1">
                <a:blip r:embed="rId2" cstate="print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30276" t="26494" r="34524" b="42226"/>
                <a:stretch/>
              </p:blipFill>
              <p:spPr bwMode="auto">
                <a:xfrm>
                  <a:off x="9595138" y="876289"/>
                  <a:ext cx="1296144" cy="864096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pic>
              <p:nvPicPr>
                <p:cNvPr id="19" name="Picture 2" descr="https://lh3.googleusercontent.com/MUheiE-DHn6K2ZVyYI9gohtSPfllFYWjKRAgYSVgbSNRnsTQubKGR0r3cN0UcH1OCPRyadkMLloJUuSbdmVQaYK8-0oAZMSkjeitex6K5HHWQL_Ux6xIcD9N5ctNuvAqEOJz1R2M5tmTUlBUx309Rhub48-XDU2lCyVPr_F82oxA8uGCMN2qBDbZMsst9eZlBNuZsjAJ99HqrCc4PgDbI3GNNp9T3-U6eOjYgnwWaLZNr7BEnHS0WMeRJZT986R59Dcs-0k5cjJbbJnHUIL9JwJL8VaOZvS-z0fZXZpGrVx4bfWc5a-0oSwK8iwyDOLpHl-REHrT5gJjIk6z_V907XFKfcvMTAUBEt2TPJ4ugplZhWbxRXA9qq-1vdVggUoIFMSOxMsqeHgeI7fr9O5nQJksq4jR1dqUxhx2aBtcSOIYjW1H1GTIDFKUrg2-rZi0Fhi8ltCInh0TuTXItj5YpeUW1vT-Gc3J-DI4ru9Yt9HhWUkt1Nh1DU0NfWNAPORuHZlUbThgYDNOdRaFFDXJDcO9nxYlaV9ZC0PT6iJ1TAVOPvK4Fnt8uob7huy0Yo-soakebcFiGSfEXW9EuNvKLeSBZF76j9opRV2FcHSeSTzKgxWe-uccLgRSssfVujle5jBig_BHpn2hV_tVAlVpnOUZD70dQ6XFiT0EsfBCWJHlGzYlgZ94RGws=w793-h1057-no"/>
                <p:cNvPicPr>
                  <a:picLocks noChangeAspect="1" noChangeArrowheads="1"/>
                </p:cNvPicPr>
                <p:nvPr/>
              </p:nvPicPr>
              <p:blipFill rotWithShape="1">
                <a:blip r:embed="rId3" cstate="print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27182" t="35287" r="19708" b="37451"/>
                <a:stretch/>
              </p:blipFill>
              <p:spPr bwMode="auto">
                <a:xfrm>
                  <a:off x="9593752" y="-934144"/>
                  <a:ext cx="1296144" cy="886836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</p:grpSp>
          <p:cxnSp>
            <p:nvCxnSpPr>
              <p:cNvPr id="12" name="Straight Arrow Connector 11"/>
              <p:cNvCxnSpPr/>
              <p:nvPr/>
            </p:nvCxnSpPr>
            <p:spPr bwMode="auto">
              <a:xfrm flipH="1">
                <a:off x="8051345" y="2285684"/>
                <a:ext cx="695331" cy="442753"/>
              </a:xfrm>
              <a:prstGeom prst="straightConnector1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triangle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14" name="Right Brace 13"/>
              <p:cNvSpPr/>
              <p:nvPr/>
            </p:nvSpPr>
            <p:spPr bwMode="auto">
              <a:xfrm>
                <a:off x="8005566" y="3578364"/>
                <a:ext cx="416810" cy="961275"/>
              </a:xfrm>
              <a:prstGeom prst="rightBrace">
                <a:avLst>
                  <a:gd name="adj1" fmla="val 8333"/>
                  <a:gd name="adj2" fmla="val 50662"/>
                </a:avLst>
              </a:prstGeom>
              <a:noFill/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/>
            </p:spPr>
            <p:txBody>
              <a:bodyPr rtlCol="0" anchor="ctr"/>
              <a:lstStyle/>
              <a:p>
                <a:pPr algn="ctr"/>
                <a:endParaRPr lang="en-US" b="1">
                  <a:solidFill>
                    <a:schemeClr val="bg1"/>
                  </a:solidFill>
                </a:endParaRPr>
              </a:p>
            </p:txBody>
          </p:sp>
          <p:cxnSp>
            <p:nvCxnSpPr>
              <p:cNvPr id="28" name="Straight Arrow Connector 27"/>
              <p:cNvCxnSpPr/>
              <p:nvPr/>
            </p:nvCxnSpPr>
            <p:spPr bwMode="auto">
              <a:xfrm flipH="1">
                <a:off x="8082896" y="3035472"/>
                <a:ext cx="762152" cy="251708"/>
              </a:xfrm>
              <a:prstGeom prst="straightConnector1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triangle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</p:grpSp>
        <p:pic>
          <p:nvPicPr>
            <p:cNvPr id="1026" name="Picture 2" descr="https://lh3.googleusercontent.com/da7wML0VVSaqvrYBeRJYi6AE5ycRkBcI2Tps0MKh4UVvTbZ-uTNHA_C3bEY3it1EidbdVien7Z5GFxl0g26TVnnRYMNXIdeGkJDlCo-twgYzjp7UWF6eouYYqeK2IKrmK2VYogCm4RpgogaWz1XufWTdJ2JktIIijRwmoZgRZu6Ui2NtV3-Kh8NrZ5Mz6LvuNdeV7CRPtgmdF38QBSbL1_0AVWXM2tluHO7B1YIaIB0WAT4tdWzrOgLR6ELu3F86hQgaZXXFAQO5ZXycvrA-71tEZX2kRbCQflOG2SOBP-awKP3WL6SDDJxh75d3jy3dSJKdtiGwbVZ3uS6UDRk2fnqcwbTObUmWoO4pqoj1GO_N5tmP38odQbq7Xg3hjuQ_fR5YS1ySXD0UUoOt4j2tPRJANoi-re_BqBjUaYNSH3Lnz9gbkPcmYtMSvv425ZnaBo7B_HiVx1qarMNpCiPnWdRN-poOLaYSKFtN-kkAlqdNhW0g9rorv3n9QT8eIbq8k50B0CuMtLimG89e8yijGxhXGMS8iLp5WnqRxhNIO-rJ2hChn8j5q5WkL15m45kB6sGhX5i7vUSViJR3fp_TqNRy0GKfvfXMMRxP02zzRr5lsLg4ocBOmeqeTJLso8KVP2f5uECZZsAR8Qov8mCTeKW0TpA2c-cLyn734ltCrj_91e4yDrZrnVD9=w793-h1057-no"/>
            <p:cNvPicPr>
              <a:picLocks noChangeAspect="1" noChangeArrowheads="1"/>
            </p:cNvPicPr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172" t="37006" r="12841" b="23149"/>
            <a:stretch/>
          </p:blipFill>
          <p:spPr bwMode="auto">
            <a:xfrm>
              <a:off x="9358044" y="3126111"/>
              <a:ext cx="1296144" cy="839629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sp>
        <p:nvSpPr>
          <p:cNvPr id="20" name="TextBox 19"/>
          <p:cNvSpPr txBox="1"/>
          <p:nvPr/>
        </p:nvSpPr>
        <p:spPr>
          <a:xfrm>
            <a:off x="10118785" y="4620353"/>
            <a:ext cx="5466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 smtClean="0">
                <a:solidFill>
                  <a:schemeClr val="bg1"/>
                </a:solidFill>
                <a:latin typeface="+mn-lt"/>
              </a:rPr>
              <a:t>623 K</a:t>
            </a:r>
          </a:p>
        </p:txBody>
      </p:sp>
      <p:sp>
        <p:nvSpPr>
          <p:cNvPr id="31" name="TextBox 30"/>
          <p:cNvSpPr txBox="1"/>
          <p:nvPr/>
        </p:nvSpPr>
        <p:spPr>
          <a:xfrm>
            <a:off x="10103276" y="3706294"/>
            <a:ext cx="5466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solidFill>
                  <a:schemeClr val="bg1"/>
                </a:solidFill>
                <a:latin typeface="+mn-lt"/>
              </a:rPr>
              <a:t>7</a:t>
            </a:r>
            <a:r>
              <a:rPr lang="en-US" b="1" dirty="0" smtClean="0">
                <a:solidFill>
                  <a:schemeClr val="bg1"/>
                </a:solidFill>
                <a:latin typeface="+mn-lt"/>
              </a:rPr>
              <a:t>23 K</a:t>
            </a:r>
          </a:p>
        </p:txBody>
      </p:sp>
      <p:sp>
        <p:nvSpPr>
          <p:cNvPr id="32" name="TextBox 31"/>
          <p:cNvSpPr txBox="1"/>
          <p:nvPr/>
        </p:nvSpPr>
        <p:spPr>
          <a:xfrm>
            <a:off x="10103276" y="2839272"/>
            <a:ext cx="5466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 smtClean="0">
                <a:solidFill>
                  <a:schemeClr val="bg1"/>
                </a:solidFill>
                <a:latin typeface="+mn-lt"/>
              </a:rPr>
              <a:t>873 K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6574" y="2836593"/>
            <a:ext cx="7983052" cy="3406845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378501" y="1484784"/>
            <a:ext cx="2292022" cy="17640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019972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nealing at different temperatures</a:t>
            </a: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>
          <a:xfrm>
            <a:off x="838622" y="1744153"/>
            <a:ext cx="2448272" cy="892759"/>
          </a:xfrm>
        </p:spPr>
        <p:txBody>
          <a:bodyPr/>
          <a:lstStyle/>
          <a:p>
            <a:r>
              <a:rPr lang="en-US" dirty="0" err="1" smtClean="0"/>
              <a:t>Pd₂Si</a:t>
            </a:r>
            <a:r>
              <a:rPr lang="en-US" dirty="0" smtClean="0"/>
              <a:t> formation when Zn is no deposited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b="1" dirty="0">
              <a:solidFill>
                <a:schemeClr val="bg1"/>
              </a:solidFill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GIXRD - </a:t>
            </a:r>
            <a:r>
              <a:rPr lang="el-GR" dirty="0"/>
              <a:t>ω</a:t>
            </a:r>
            <a:r>
              <a:rPr lang="en-US" dirty="0"/>
              <a:t> = 0.5°, mask = 10 </a:t>
            </a:r>
            <a:r>
              <a:rPr lang="en-US" dirty="0" smtClean="0"/>
              <a:t>mm</a:t>
            </a:r>
            <a:endParaRPr lang="en-US" dirty="0"/>
          </a:p>
        </p:txBody>
      </p:sp>
      <p:pic>
        <p:nvPicPr>
          <p:cNvPr id="27" name="Picture 26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6692"/>
          <a:stretch/>
        </p:blipFill>
        <p:spPr>
          <a:xfrm>
            <a:off x="118542" y="2943954"/>
            <a:ext cx="8021740" cy="3480284"/>
          </a:xfrm>
          <a:prstGeom prst="rect">
            <a:avLst/>
          </a:prstGeom>
        </p:spPr>
      </p:pic>
      <p:grpSp>
        <p:nvGrpSpPr>
          <p:cNvPr id="2" name="Group 1"/>
          <p:cNvGrpSpPr/>
          <p:nvPr/>
        </p:nvGrpSpPr>
        <p:grpSpPr>
          <a:xfrm>
            <a:off x="8188249" y="2852936"/>
            <a:ext cx="2229402" cy="2674529"/>
            <a:chOff x="8278545" y="2295728"/>
            <a:chExt cx="2229402" cy="2674529"/>
          </a:xfrm>
        </p:grpSpPr>
        <p:grpSp>
          <p:nvGrpSpPr>
            <p:cNvPr id="16" name="Group 15"/>
            <p:cNvGrpSpPr/>
            <p:nvPr/>
          </p:nvGrpSpPr>
          <p:grpSpPr>
            <a:xfrm>
              <a:off x="8278545" y="2295728"/>
              <a:ext cx="2229402" cy="2674529"/>
              <a:chOff x="8426172" y="2192045"/>
              <a:chExt cx="2229402" cy="2674529"/>
            </a:xfrm>
          </p:grpSpPr>
          <p:grpSp>
            <p:nvGrpSpPr>
              <p:cNvPr id="21" name="Group 20"/>
              <p:cNvGrpSpPr/>
              <p:nvPr/>
            </p:nvGrpSpPr>
            <p:grpSpPr>
              <a:xfrm>
                <a:off x="8426172" y="2192045"/>
                <a:ext cx="2229402" cy="2674529"/>
                <a:chOff x="8032276" y="1718508"/>
                <a:chExt cx="2229402" cy="2674529"/>
              </a:xfrm>
            </p:grpSpPr>
            <p:grpSp>
              <p:nvGrpSpPr>
                <p:cNvPr id="17" name="Group 16"/>
                <p:cNvGrpSpPr/>
                <p:nvPr/>
              </p:nvGrpSpPr>
              <p:grpSpPr>
                <a:xfrm>
                  <a:off x="8964148" y="1718508"/>
                  <a:ext cx="1297530" cy="2674529"/>
                  <a:chOff x="9593752" y="-934144"/>
                  <a:chExt cx="1297530" cy="2674529"/>
                </a:xfrm>
              </p:grpSpPr>
              <p:pic>
                <p:nvPicPr>
                  <p:cNvPr id="18" name="Picture 2" descr="https://lh3.googleusercontent.com/k6ihYAVuRqomWUdS-IcaN15ai5ftE-wBZOQBK_rdc35sL13CfpOtAOEGgAtz3FEeolxKkQRhEgwEsFpQZveQbzW9giMv7mCa2-rn2n9aHXpSSjLER3gFqyffLpefiYosI95fCJKVjw2pte3ZinkVZMLHKfeHYOWDek7Gnho5cIrPAp78Z5y6U_wuCbd1Z-Y8M9--5LaTPY2SyBminsF6H8PLWsFyykz3u91cVPBd2Vfi7eLAokNJ8KH52s3CyI_lgQaJVNYa-Awj8Ds19V7s2csiqr0YAVai220FZ0ropy-5PNikqa0iiOaqxJRi5tDmzOcLjtnD0dnLIwxIokLMW8QMlXi2ZBB7mNcnBctVr_66YJwZMcDk54xWjHSiLsg5Zks-i6jk90qtF8YMNd2o2ElwQNxDAW-K1KH1eSL5s34kA-QwBMF0UhN8rRPVrOY08Ly9kZ-c059bEplbQFrOkCzYl_jSR30MB_QF2DMljAZP5qKIiNA5BuMAqQTWIjeEXzDipLjnjdINfSgEq_ziGTk112eCntbCYbJB-tdtRzpy7sNDvyGeWgY0itAnJz6hqdxrKs9DkMD7npa2fq7o9BADvWGqqsLD_5ERhIs5GcRwD4DJ0WBS5DWyNx-OPbjUicGXZMNmyOIa_81S9FmAc8KrXV48bfXgrjoTcfuIsPuCdl1goMDpRjKy=w1410-h1057-no"/>
                  <p:cNvPicPr>
                    <a:picLocks noChangeAspect="1" noChangeArrowheads="1"/>
                  </p:cNvPicPr>
                  <p:nvPr/>
                </p:nvPicPr>
                <p:blipFill rotWithShape="1">
                  <a:blip r:embed="rId3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30276" t="26494" r="34524" b="42226"/>
                  <a:stretch/>
                </p:blipFill>
                <p:spPr bwMode="auto">
                  <a:xfrm>
                    <a:off x="9595138" y="876289"/>
                    <a:ext cx="1296144" cy="864096"/>
                  </a:xfrm>
                  <a:prstGeom prst="rect">
                    <a:avLst/>
                  </a:prstGeom>
                  <a:noFill/>
                  <a:extLst>
                    <a:ext uri="{909E8E84-426E-40DD-AFC4-6F175D3DCCD1}">
                      <a14:hiddenFill xmlns:a14="http://schemas.microsoft.com/office/drawing/2010/main">
                        <a:solidFill>
                          <a:srgbClr val="FFFFFF"/>
                        </a:solidFill>
                      </a14:hiddenFill>
                    </a:ext>
                  </a:extLst>
                </p:spPr>
              </p:pic>
              <p:pic>
                <p:nvPicPr>
                  <p:cNvPr id="19" name="Picture 2" descr="https://lh3.googleusercontent.com/MUheiE-DHn6K2ZVyYI9gohtSPfllFYWjKRAgYSVgbSNRnsTQubKGR0r3cN0UcH1OCPRyadkMLloJUuSbdmVQaYK8-0oAZMSkjeitex6K5HHWQL_Ux6xIcD9N5ctNuvAqEOJz1R2M5tmTUlBUx309Rhub48-XDU2lCyVPr_F82oxA8uGCMN2qBDbZMsst9eZlBNuZsjAJ99HqrCc4PgDbI3GNNp9T3-U6eOjYgnwWaLZNr7BEnHS0WMeRJZT986R59Dcs-0k5cjJbbJnHUIL9JwJL8VaOZvS-z0fZXZpGrVx4bfWc5a-0oSwK8iwyDOLpHl-REHrT5gJjIk6z_V907XFKfcvMTAUBEt2TPJ4ugplZhWbxRXA9qq-1vdVggUoIFMSOxMsqeHgeI7fr9O5nQJksq4jR1dqUxhx2aBtcSOIYjW1H1GTIDFKUrg2-rZi0Fhi8ltCInh0TuTXItj5YpeUW1vT-Gc3J-DI4ru9Yt9HhWUkt1Nh1DU0NfWNAPORuHZlUbThgYDNOdRaFFDXJDcO9nxYlaV9ZC0PT6iJ1TAVOPvK4Fnt8uob7huy0Yo-soakebcFiGSfEXW9EuNvKLeSBZF76j9opRV2FcHSeSTzKgxWe-uccLgRSssfVujle5jBig_BHpn2hV_tVAlVpnOUZD70dQ6XFiT0EsfBCWJHlGzYlgZ94RGws=w793-h1057-no"/>
                  <p:cNvPicPr>
                    <a:picLocks noChangeAspect="1" noChangeArrowheads="1"/>
                  </p:cNvPicPr>
                  <p:nvPr/>
                </p:nvPicPr>
                <p:blipFill rotWithShape="1">
                  <a:blip r:embed="rId4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27182" t="35287" r="19708" b="37451"/>
                  <a:stretch/>
                </p:blipFill>
                <p:spPr bwMode="auto">
                  <a:xfrm>
                    <a:off x="9593752" y="-934144"/>
                    <a:ext cx="1296144" cy="886836"/>
                  </a:xfrm>
                  <a:prstGeom prst="rect">
                    <a:avLst/>
                  </a:prstGeom>
                  <a:noFill/>
                  <a:extLst>
                    <a:ext uri="{909E8E84-426E-40DD-AFC4-6F175D3DCCD1}">
                      <a14:hiddenFill xmlns:a14="http://schemas.microsoft.com/office/drawing/2010/main">
                        <a:solidFill>
                          <a:srgbClr val="FFFFFF"/>
                        </a:solidFill>
                      </a14:hiddenFill>
                    </a:ext>
                  </a:extLst>
                </p:spPr>
              </p:pic>
            </p:grpSp>
            <p:cxnSp>
              <p:nvCxnSpPr>
                <p:cNvPr id="12" name="Straight Arrow Connector 11"/>
                <p:cNvCxnSpPr/>
                <p:nvPr/>
              </p:nvCxnSpPr>
              <p:spPr bwMode="auto">
                <a:xfrm flipH="1">
                  <a:off x="8082896" y="2285684"/>
                  <a:ext cx="663781" cy="99478"/>
                </a:xfrm>
                <a:prstGeom prst="straightConnector1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triangle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</p:cxnSp>
            <p:sp>
              <p:nvSpPr>
                <p:cNvPr id="14" name="Right Brace 13"/>
                <p:cNvSpPr/>
                <p:nvPr/>
              </p:nvSpPr>
              <p:spPr bwMode="auto">
                <a:xfrm>
                  <a:off x="8032276" y="3081858"/>
                  <a:ext cx="416810" cy="961275"/>
                </a:xfrm>
                <a:prstGeom prst="rightBrace">
                  <a:avLst>
                    <a:gd name="adj1" fmla="val 8333"/>
                    <a:gd name="adj2" fmla="val 65525"/>
                  </a:avLst>
                </a:prstGeom>
                <a:noFill/>
                <a:ln w="9525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/>
              </p:spPr>
              <p:txBody>
                <a:bodyPr rtlCol="0" anchor="ctr"/>
                <a:lstStyle/>
                <a:p>
                  <a:pPr algn="ctr"/>
                  <a:endParaRPr lang="en-US" b="1">
                    <a:solidFill>
                      <a:schemeClr val="bg1"/>
                    </a:solidFill>
                  </a:endParaRPr>
                </a:p>
              </p:txBody>
            </p:sp>
            <p:cxnSp>
              <p:nvCxnSpPr>
                <p:cNvPr id="28" name="Straight Arrow Connector 27"/>
                <p:cNvCxnSpPr/>
                <p:nvPr/>
              </p:nvCxnSpPr>
              <p:spPr bwMode="auto">
                <a:xfrm flipH="1" flipV="1">
                  <a:off x="8136643" y="2855909"/>
                  <a:ext cx="708405" cy="179563"/>
                </a:xfrm>
                <a:prstGeom prst="straightConnector1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triangle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</p:cxnSp>
          </p:grpSp>
          <p:pic>
            <p:nvPicPr>
              <p:cNvPr id="1026" name="Picture 2" descr="https://lh3.googleusercontent.com/da7wML0VVSaqvrYBeRJYi6AE5ycRkBcI2Tps0MKh4UVvTbZ-uTNHA_C3bEY3it1EidbdVien7Z5GFxl0g26TVnnRYMNXIdeGkJDlCo-twgYzjp7UWF6eouYYqeK2IKrmK2VYogCm4RpgogaWz1XufWTdJ2JktIIijRwmoZgRZu6Ui2NtV3-Kh8NrZ5Mz6LvuNdeV7CRPtgmdF38QBSbL1_0AVWXM2tluHO7B1YIaIB0WAT4tdWzrOgLR6ELu3F86hQgaZXXFAQO5ZXycvrA-71tEZX2kRbCQflOG2SOBP-awKP3WL6SDDJxh75d3jy3dSJKdtiGwbVZ3uS6UDRk2fnqcwbTObUmWoO4pqoj1GO_N5tmP38odQbq7Xg3hjuQ_fR5YS1ySXD0UUoOt4j2tPRJANoi-re_BqBjUaYNSH3Lnz9gbkPcmYtMSvv425ZnaBo7B_HiVx1qarMNpCiPnWdRN-poOLaYSKFtN-kkAlqdNhW0g9rorv3n9QT8eIbq8k50B0CuMtLimG89e8yijGxhXGMS8iLp5WnqRxhNIO-rJ2hChn8j5q5WkL15m45kB6sGhX5i7vUSViJR3fp_TqNRy0GKfvfXMMRxP02zzRr5lsLg4ocBOmeqeTJLso8KVP2f5uECZZsAR8Qov8mCTeKW0TpA2c-cLyn734ltCrj_91e4yDrZrnVD9=w793-h1057-no"/>
              <p:cNvPicPr>
                <a:picLocks noChangeAspect="1" noChangeArrowheads="1"/>
              </p:cNvPicPr>
              <p:nvPr/>
            </p:nvPicPr>
            <p:blipFill rotWithShape="1">
              <a:blip r:embed="rId5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5172" t="37006" r="12841" b="23149"/>
              <a:stretch/>
            </p:blipFill>
            <p:spPr bwMode="auto">
              <a:xfrm>
                <a:off x="9358044" y="3126111"/>
                <a:ext cx="1296144" cy="839629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sp>
          <p:nvSpPr>
            <p:cNvPr id="20" name="TextBox 19"/>
            <p:cNvSpPr txBox="1"/>
            <p:nvPr/>
          </p:nvSpPr>
          <p:spPr>
            <a:xfrm>
              <a:off x="9880090" y="4694575"/>
              <a:ext cx="54662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b="1" dirty="0" smtClean="0">
                  <a:solidFill>
                    <a:schemeClr val="bg1"/>
                  </a:solidFill>
                  <a:latin typeface="+mn-lt"/>
                </a:rPr>
                <a:t>623 K</a:t>
              </a:r>
            </a:p>
          </p:txBody>
        </p:sp>
        <p:sp>
          <p:nvSpPr>
            <p:cNvPr id="31" name="TextBox 30"/>
            <p:cNvSpPr txBox="1"/>
            <p:nvPr/>
          </p:nvSpPr>
          <p:spPr>
            <a:xfrm>
              <a:off x="9864581" y="3780516"/>
              <a:ext cx="54662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b="1" dirty="0">
                  <a:solidFill>
                    <a:schemeClr val="bg1"/>
                  </a:solidFill>
                  <a:latin typeface="+mn-lt"/>
                </a:rPr>
                <a:t>7</a:t>
              </a:r>
              <a:r>
                <a:rPr lang="en-US" b="1" dirty="0" smtClean="0">
                  <a:solidFill>
                    <a:schemeClr val="bg1"/>
                  </a:solidFill>
                  <a:latin typeface="+mn-lt"/>
                </a:rPr>
                <a:t>23 K</a:t>
              </a:r>
            </a:p>
          </p:txBody>
        </p:sp>
        <p:sp>
          <p:nvSpPr>
            <p:cNvPr id="32" name="TextBox 31"/>
            <p:cNvSpPr txBox="1"/>
            <p:nvPr/>
          </p:nvSpPr>
          <p:spPr>
            <a:xfrm>
              <a:off x="9864581" y="2913494"/>
              <a:ext cx="54662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b="1" dirty="0" smtClean="0">
                  <a:solidFill>
                    <a:schemeClr val="bg1"/>
                  </a:solidFill>
                  <a:latin typeface="+mn-lt"/>
                </a:rPr>
                <a:t>873 K</a:t>
              </a:r>
            </a:p>
          </p:txBody>
        </p:sp>
      </p:grpSp>
      <p:pic>
        <p:nvPicPr>
          <p:cNvPr id="11" name="Picture 10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3350" t="25947" r="533" b="39168"/>
          <a:stretch/>
        </p:blipFill>
        <p:spPr>
          <a:xfrm>
            <a:off x="5093852" y="1771190"/>
            <a:ext cx="2103444" cy="1618034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3336"/>
          <a:stretch/>
        </p:blipFill>
        <p:spPr>
          <a:xfrm>
            <a:off x="8039422" y="116632"/>
            <a:ext cx="2736304" cy="25609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065935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Annealing at 873 K </a:t>
            </a:r>
            <a:r>
              <a:rPr lang="en-US" dirty="0" smtClean="0">
                <a:sym typeface="Wingdings" panose="05000000000000000000" pitchFamily="2" charset="2"/>
              </a:rPr>
              <a:t> Pd</a:t>
            </a:r>
            <a:r>
              <a:rPr lang="en-US" baseline="-25000" dirty="0" smtClean="0">
                <a:sym typeface="Wingdings" panose="05000000000000000000" pitchFamily="2" charset="2"/>
              </a:rPr>
              <a:t>2.352</a:t>
            </a:r>
            <a:r>
              <a:rPr lang="en-US" dirty="0" smtClean="0">
                <a:sym typeface="Wingdings" panose="05000000000000000000" pitchFamily="2" charset="2"/>
              </a:rPr>
              <a:t>Zn</a:t>
            </a:r>
            <a:r>
              <a:rPr lang="en-US" baseline="-25000" dirty="0" smtClean="0">
                <a:sym typeface="Wingdings" panose="05000000000000000000" pitchFamily="2" charset="2"/>
              </a:rPr>
              <a:t>10.648</a:t>
            </a:r>
            <a:endParaRPr lang="en-US" baseline="-25000" dirty="0"/>
          </a:p>
        </p:txBody>
      </p:sp>
      <p:sp>
        <p:nvSpPr>
          <p:cNvPr id="16" name="Content Placeholder 15"/>
          <p:cNvSpPr>
            <a:spLocks noGrp="1"/>
          </p:cNvSpPr>
          <p:nvPr>
            <p:ph idx="1"/>
          </p:nvPr>
        </p:nvSpPr>
        <p:spPr>
          <a:xfrm>
            <a:off x="838622" y="1744153"/>
            <a:ext cx="2088232" cy="4507753"/>
          </a:xfrm>
        </p:spPr>
        <p:txBody>
          <a:bodyPr/>
          <a:lstStyle/>
          <a:p>
            <a:r>
              <a:rPr lang="da-DK" dirty="0" smtClean="0"/>
              <a:t>Flow</a:t>
            </a:r>
          </a:p>
          <a:p>
            <a:r>
              <a:rPr lang="da-DK" dirty="0" smtClean="0"/>
              <a:t>Long distance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da-DK" dirty="0" smtClean="0"/>
              <a:t>GIXRD</a:t>
            </a:r>
            <a:endParaRPr lang="en-US" dirty="0"/>
          </a:p>
        </p:txBody>
      </p:sp>
      <p:grpSp>
        <p:nvGrpSpPr>
          <p:cNvPr id="26" name="Group 25"/>
          <p:cNvGrpSpPr/>
          <p:nvPr/>
        </p:nvGrpSpPr>
        <p:grpSpPr>
          <a:xfrm>
            <a:off x="8734753" y="408615"/>
            <a:ext cx="3139002" cy="3389865"/>
            <a:chOff x="9191550" y="476672"/>
            <a:chExt cx="3139002" cy="3389865"/>
          </a:xfrm>
        </p:grpSpPr>
        <p:pic>
          <p:nvPicPr>
            <p:cNvPr id="24" name="Content Placeholder 6"/>
            <p:cNvPicPr>
              <a:picLocks noChangeAspect="1"/>
            </p:cNvPicPr>
            <p:nvPr/>
          </p:nvPicPr>
          <p:blipFill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 bwMode="auto">
            <a:xfrm>
              <a:off x="9191550" y="476672"/>
              <a:ext cx="3139002" cy="3389865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25" name="Cross 24"/>
            <p:cNvSpPr/>
            <p:nvPr/>
          </p:nvSpPr>
          <p:spPr bwMode="auto">
            <a:xfrm rot="18822587">
              <a:off x="11535449" y="2205397"/>
              <a:ext cx="163305" cy="163305"/>
            </a:xfrm>
            <a:prstGeom prst="plus">
              <a:avLst>
                <a:gd name="adj" fmla="val 45833"/>
              </a:avLst>
            </a:prstGeom>
            <a:solidFill>
              <a:schemeClr val="tx2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pic>
        <p:nvPicPr>
          <p:cNvPr id="13" name="Picture 2" descr="https://lh3.googleusercontent.com/MUheiE-DHn6K2ZVyYI9gohtSPfllFYWjKRAgYSVgbSNRnsTQubKGR0r3cN0UcH1OCPRyadkMLloJUuSbdmVQaYK8-0oAZMSkjeitex6K5HHWQL_Ux6xIcD9N5ctNuvAqEOJz1R2M5tmTUlBUx309Rhub48-XDU2lCyVPr_F82oxA8uGCMN2qBDbZMsst9eZlBNuZsjAJ99HqrCc4PgDbI3GNNp9T3-U6eOjYgnwWaLZNr7BEnHS0WMeRJZT986R59Dcs-0k5cjJbbJnHUIL9JwJL8VaOZvS-z0fZXZpGrVx4bfWc5a-0oSwK8iwyDOLpHl-REHrT5gJjIk6z_V907XFKfcvMTAUBEt2TPJ4ugplZhWbxRXA9qq-1vdVggUoIFMSOxMsqeHgeI7fr9O5nQJksq4jR1dqUxhx2aBtcSOIYjW1H1GTIDFKUrg2-rZi0Fhi8ltCInh0TuTXItj5YpeUW1vT-Gc3J-DI4ru9Yt9HhWUkt1Nh1DU0NfWNAPORuHZlUbThgYDNOdRaFFDXJDcO9nxYlaV9ZC0PT6iJ1TAVOPvK4Fnt8uob7huy0Yo-soakebcFiGSfEXW9EuNvKLeSBZF76j9opRV2FcHSeSTzKgxWe-uccLgRSssfVujle5jBig_BHpn2hV_tVAlVpnOUZD70dQ6XFiT0EsfBCWJHlGzYlgZ94RGws=w793-h1057-no"/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7182" t="35287" r="19708" b="37451"/>
          <a:stretch/>
        </p:blipFill>
        <p:spPr bwMode="auto">
          <a:xfrm>
            <a:off x="9407574" y="4509120"/>
            <a:ext cx="2348568" cy="16069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4" name="TextBox 13"/>
          <p:cNvSpPr txBox="1"/>
          <p:nvPr/>
        </p:nvSpPr>
        <p:spPr>
          <a:xfrm>
            <a:off x="10670322" y="5647044"/>
            <a:ext cx="99046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 smtClean="0">
                <a:solidFill>
                  <a:schemeClr val="bg1"/>
                </a:solidFill>
                <a:latin typeface="+mn-lt"/>
              </a:rPr>
              <a:t>873 K</a:t>
            </a:r>
          </a:p>
        </p:txBody>
      </p:sp>
      <p:grpSp>
        <p:nvGrpSpPr>
          <p:cNvPr id="15" name="Group 14"/>
          <p:cNvGrpSpPr/>
          <p:nvPr/>
        </p:nvGrpSpPr>
        <p:grpSpPr>
          <a:xfrm>
            <a:off x="478582" y="2657265"/>
            <a:ext cx="8424936" cy="3595423"/>
            <a:chOff x="478582" y="2657265"/>
            <a:chExt cx="8424936" cy="3595423"/>
          </a:xfrm>
        </p:grpSpPr>
        <p:pic>
          <p:nvPicPr>
            <p:cNvPr id="17" name="Picture 16"/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78582" y="2657265"/>
              <a:ext cx="8424936" cy="3595423"/>
            </a:xfrm>
            <a:prstGeom prst="rect">
              <a:avLst/>
            </a:prstGeom>
          </p:spPr>
        </p:pic>
        <p:pic>
          <p:nvPicPr>
            <p:cNvPr id="18" name="Picture 17"/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6333251" y="2780928"/>
              <a:ext cx="2370466" cy="1224136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84359871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Annealing at 723 K </a:t>
            </a:r>
            <a:r>
              <a:rPr lang="en-US" dirty="0" smtClean="0">
                <a:sym typeface="Wingdings" panose="05000000000000000000" pitchFamily="2" charset="2"/>
              </a:rPr>
              <a:t> Pd</a:t>
            </a:r>
            <a:r>
              <a:rPr lang="en-US" baseline="-25000" dirty="0" smtClean="0">
                <a:sym typeface="Wingdings" panose="05000000000000000000" pitchFamily="2" charset="2"/>
              </a:rPr>
              <a:t>2.352</a:t>
            </a:r>
            <a:r>
              <a:rPr lang="en-US" dirty="0" smtClean="0">
                <a:sym typeface="Wingdings" panose="05000000000000000000" pitchFamily="2" charset="2"/>
              </a:rPr>
              <a:t>Zn</a:t>
            </a:r>
            <a:r>
              <a:rPr lang="en-US" baseline="-25000" dirty="0" smtClean="0">
                <a:sym typeface="Wingdings" panose="05000000000000000000" pitchFamily="2" charset="2"/>
              </a:rPr>
              <a:t>10.648</a:t>
            </a:r>
            <a:endParaRPr lang="en-US" baseline="-25000" dirty="0"/>
          </a:p>
        </p:txBody>
      </p:sp>
      <p:sp>
        <p:nvSpPr>
          <p:cNvPr id="16" name="Content Placeholder 15"/>
          <p:cNvSpPr>
            <a:spLocks noGrp="1"/>
          </p:cNvSpPr>
          <p:nvPr>
            <p:ph idx="1"/>
          </p:nvPr>
        </p:nvSpPr>
        <p:spPr>
          <a:xfrm>
            <a:off x="838622" y="1744153"/>
            <a:ext cx="2088232" cy="892759"/>
          </a:xfrm>
        </p:spPr>
        <p:txBody>
          <a:bodyPr/>
          <a:lstStyle/>
          <a:p>
            <a:r>
              <a:rPr lang="da-DK" dirty="0" smtClean="0"/>
              <a:t>No flow</a:t>
            </a:r>
          </a:p>
          <a:p>
            <a:r>
              <a:rPr lang="da-DK" dirty="0" smtClean="0"/>
              <a:t>Short distance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da-DK" dirty="0" smtClean="0"/>
              <a:t>GIXRD</a:t>
            </a:r>
            <a:endParaRPr lang="en-US" dirty="0"/>
          </a:p>
        </p:txBody>
      </p:sp>
      <p:grpSp>
        <p:nvGrpSpPr>
          <p:cNvPr id="13" name="Group 12"/>
          <p:cNvGrpSpPr/>
          <p:nvPr/>
        </p:nvGrpSpPr>
        <p:grpSpPr>
          <a:xfrm>
            <a:off x="8975526" y="110728"/>
            <a:ext cx="3381486" cy="3384376"/>
            <a:chOff x="9191550" y="724852"/>
            <a:chExt cx="3139002" cy="3141685"/>
          </a:xfrm>
        </p:grpSpPr>
        <p:pic>
          <p:nvPicPr>
            <p:cNvPr id="14" name="Content Placeholder 6"/>
            <p:cNvPicPr>
              <a:picLocks noChangeAspect="1"/>
            </p:cNvPicPr>
            <p:nvPr/>
          </p:nvPicPr>
          <p:blipFill rotWithShape="1"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7322"/>
            <a:stretch/>
          </p:blipFill>
          <p:spPr bwMode="auto">
            <a:xfrm>
              <a:off x="9191550" y="724852"/>
              <a:ext cx="3139002" cy="3141685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5" name="Cross 14"/>
            <p:cNvSpPr/>
            <p:nvPr/>
          </p:nvSpPr>
          <p:spPr bwMode="auto">
            <a:xfrm rot="18822587">
              <a:off x="11535449" y="2205397"/>
              <a:ext cx="163305" cy="163305"/>
            </a:xfrm>
            <a:prstGeom prst="plus">
              <a:avLst>
                <a:gd name="adj" fmla="val 45833"/>
              </a:avLst>
            </a:prstGeom>
            <a:solidFill>
              <a:schemeClr val="tx2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17" name="Group 16"/>
          <p:cNvGrpSpPr/>
          <p:nvPr/>
        </p:nvGrpSpPr>
        <p:grpSpPr>
          <a:xfrm>
            <a:off x="190551" y="2726474"/>
            <a:ext cx="8928992" cy="3810534"/>
            <a:chOff x="190551" y="2726474"/>
            <a:chExt cx="8928992" cy="3810534"/>
          </a:xfrm>
        </p:grpSpPr>
        <p:pic>
          <p:nvPicPr>
            <p:cNvPr id="18" name="Picture 17"/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90551" y="2726474"/>
              <a:ext cx="8928992" cy="3810534"/>
            </a:xfrm>
            <a:prstGeom prst="rect">
              <a:avLst/>
            </a:prstGeom>
          </p:spPr>
        </p:pic>
        <p:pic>
          <p:nvPicPr>
            <p:cNvPr id="19" name="Picture 18"/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6599262" y="2829964"/>
              <a:ext cx="2255143" cy="1330281"/>
            </a:xfrm>
            <a:prstGeom prst="rect">
              <a:avLst/>
            </a:prstGeom>
          </p:spPr>
        </p:pic>
      </p:grpSp>
      <p:grpSp>
        <p:nvGrpSpPr>
          <p:cNvPr id="9" name="Group 8"/>
          <p:cNvGrpSpPr/>
          <p:nvPr/>
        </p:nvGrpSpPr>
        <p:grpSpPr>
          <a:xfrm>
            <a:off x="9395248" y="4242848"/>
            <a:ext cx="2342243" cy="1370190"/>
            <a:chOff x="9380507" y="4288702"/>
            <a:chExt cx="2342243" cy="1370190"/>
          </a:xfrm>
        </p:grpSpPr>
        <p:pic>
          <p:nvPicPr>
            <p:cNvPr id="20" name="Picture 2" descr="https://lh3.googleusercontent.com/da7wML0VVSaqvrYBeRJYi6AE5ycRkBcI2Tps0MKh4UVvTbZ-uTNHA_C3bEY3it1EidbdVien7Z5GFxl0g26TVnnRYMNXIdeGkJDlCo-twgYzjp7UWF6eouYYqeK2IKrmK2VYogCm4RpgogaWz1XufWTdJ2JktIIijRwmoZgRZu6Ui2NtV3-Kh8NrZ5Mz6LvuNdeV7CRPtgmdF38QBSbL1_0AVWXM2tluHO7B1YIaIB0WAT4tdWzrOgLR6ELu3F86hQgaZXXFAQO5ZXycvrA-71tEZX2kRbCQflOG2SOBP-awKP3WL6SDDJxh75d3jy3dSJKdtiGwbVZ3uS6UDRk2fnqcwbTObUmWoO4pqoj1GO_N5tmP38odQbq7Xg3hjuQ_fR5YS1ySXD0UUoOt4j2tPRJANoi-re_BqBjUaYNSH3Lnz9gbkPcmYtMSvv425ZnaBo7B_HiVx1qarMNpCiPnWdRN-poOLaYSKFtN-kkAlqdNhW0g9rorv3n9QT8eIbq8k50B0CuMtLimG89e8yijGxhXGMS8iLp5WnqRxhNIO-rJ2hChn8j5q5WkL15m45kB6sGhX5i7vUSViJR3fp_TqNRy0GKfvfXMMRxP02zzRr5lsLg4ocBOmeqeTJLso8KVP2f5uECZZsAR8Qov8mCTeKW0TpA2c-cLyn734ltCrj_91e4yDrZrnVD9=w793-h1057-no"/>
            <p:cNvPicPr>
              <a:picLocks noChangeAspect="1" noChangeArrowheads="1"/>
            </p:cNvPicPr>
            <p:nvPr/>
          </p:nvPicPr>
          <p:blipFill rotWithShape="1"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172" t="37006" r="12841" b="23149"/>
            <a:stretch/>
          </p:blipFill>
          <p:spPr bwMode="auto">
            <a:xfrm>
              <a:off x="9380507" y="4288702"/>
              <a:ext cx="2115177" cy="137019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21" name="TextBox 20"/>
            <p:cNvSpPr txBox="1"/>
            <p:nvPr/>
          </p:nvSpPr>
          <p:spPr>
            <a:xfrm>
              <a:off x="10830713" y="5412671"/>
              <a:ext cx="892037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b="1" dirty="0">
                  <a:solidFill>
                    <a:schemeClr val="bg1"/>
                  </a:solidFill>
                  <a:latin typeface="+mn-lt"/>
                </a:rPr>
                <a:t>7</a:t>
              </a:r>
              <a:r>
                <a:rPr lang="en-US" b="1" dirty="0" smtClean="0">
                  <a:solidFill>
                    <a:schemeClr val="bg1"/>
                  </a:solidFill>
                  <a:latin typeface="+mn-lt"/>
                </a:rPr>
                <a:t>23 K</a:t>
              </a:r>
            </a:p>
          </p:txBody>
        </p:sp>
      </p:grpSp>
      <p:sp>
        <p:nvSpPr>
          <p:cNvPr id="22" name="Cross 21"/>
          <p:cNvSpPr/>
          <p:nvPr/>
        </p:nvSpPr>
        <p:spPr bwMode="auto">
          <a:xfrm rot="18822587">
            <a:off x="10125012" y="1670984"/>
            <a:ext cx="175920" cy="175920"/>
          </a:xfrm>
          <a:prstGeom prst="plus">
            <a:avLst>
              <a:gd name="adj" fmla="val 45833"/>
            </a:avLst>
          </a:prstGeom>
          <a:solidFill>
            <a:schemeClr val="tx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438993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Annealing at 623 K </a:t>
            </a:r>
            <a:r>
              <a:rPr lang="en-US" dirty="0" smtClean="0">
                <a:sym typeface="Wingdings" panose="05000000000000000000" pitchFamily="2" charset="2"/>
              </a:rPr>
              <a:t> </a:t>
            </a:r>
            <a:r>
              <a:rPr lang="en-US" dirty="0" err="1" smtClean="0">
                <a:sym typeface="Wingdings" panose="05000000000000000000" pitchFamily="2" charset="2"/>
              </a:rPr>
              <a:t>Pd₂Si</a:t>
            </a:r>
            <a:r>
              <a:rPr lang="en-US" dirty="0" smtClean="0"/>
              <a:t>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838622" y="1744153"/>
            <a:ext cx="3168352" cy="753181"/>
          </a:xfrm>
        </p:spPr>
        <p:txBody>
          <a:bodyPr/>
          <a:lstStyle/>
          <a:p>
            <a:r>
              <a:rPr lang="en-US" dirty="0" smtClean="0"/>
              <a:t>No flow/flow</a:t>
            </a:r>
          </a:p>
          <a:p>
            <a:r>
              <a:rPr lang="en-US" dirty="0" smtClean="0"/>
              <a:t>Long/short distance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smtClean="0"/>
              <a:t>GIXRD</a:t>
            </a:r>
            <a:endParaRPr lang="en-US" dirty="0"/>
          </a:p>
        </p:txBody>
      </p:sp>
      <p:grpSp>
        <p:nvGrpSpPr>
          <p:cNvPr id="15" name="Group 14"/>
          <p:cNvGrpSpPr/>
          <p:nvPr/>
        </p:nvGrpSpPr>
        <p:grpSpPr>
          <a:xfrm>
            <a:off x="406575" y="2620214"/>
            <a:ext cx="8640960" cy="3687614"/>
            <a:chOff x="406575" y="2620214"/>
            <a:chExt cx="8640960" cy="3687614"/>
          </a:xfrm>
        </p:grpSpPr>
        <p:pic>
          <p:nvPicPr>
            <p:cNvPr id="13" name="Picture 12"/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06575" y="2620214"/>
              <a:ext cx="8640960" cy="3687614"/>
            </a:xfrm>
            <a:prstGeom prst="rect">
              <a:avLst/>
            </a:prstGeom>
          </p:spPr>
        </p:pic>
        <p:pic>
          <p:nvPicPr>
            <p:cNvPr id="14" name="Picture 13"/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6530344" y="2708920"/>
              <a:ext cx="2263830" cy="1008112"/>
            </a:xfrm>
            <a:prstGeom prst="rect">
              <a:avLst/>
            </a:prstGeom>
          </p:spPr>
        </p:pic>
      </p:grpSp>
      <p:grpSp>
        <p:nvGrpSpPr>
          <p:cNvPr id="18" name="Group 17"/>
          <p:cNvGrpSpPr/>
          <p:nvPr/>
        </p:nvGrpSpPr>
        <p:grpSpPr>
          <a:xfrm>
            <a:off x="9335566" y="3933056"/>
            <a:ext cx="2197552" cy="1376245"/>
            <a:chOff x="9335566" y="3933056"/>
            <a:chExt cx="2197552" cy="1376245"/>
          </a:xfrm>
        </p:grpSpPr>
        <p:pic>
          <p:nvPicPr>
            <p:cNvPr id="16" name="Picture 2" descr="https://lh3.googleusercontent.com/k6ihYAVuRqomWUdS-IcaN15ai5ftE-wBZOQBK_rdc35sL13CfpOtAOEGgAtz3FEeolxKkQRhEgwEsFpQZveQbzW9giMv7mCa2-rn2n9aHXpSSjLER3gFqyffLpefiYosI95fCJKVjw2pte3ZinkVZMLHKfeHYOWDek7Gnho5cIrPAp78Z5y6U_wuCbd1Z-Y8M9--5LaTPY2SyBminsF6H8PLWsFyykz3u91cVPBd2Vfi7eLAokNJ8KH52s3CyI_lgQaJVNYa-Awj8Ds19V7s2csiqr0YAVai220FZ0ropy-5PNikqa0iiOaqxJRi5tDmzOcLjtnD0dnLIwxIokLMW8QMlXi2ZBB7mNcnBctVr_66YJwZMcDk54xWjHSiLsg5Zks-i6jk90qtF8YMNd2o2ElwQNxDAW-K1KH1eSL5s34kA-QwBMF0UhN8rRPVrOY08Ly9kZ-c059bEplbQFrOkCzYl_jSR30MB_QF2DMljAZP5qKIiNA5BuMAqQTWIjeEXzDipLjnjdINfSgEq_ziGTk112eCntbCYbJB-tdtRzpy7sNDvyGeWgY0itAnJz6hqdxrKs9DkMD7npa2fq7o9BADvWGqqsLD_5ERhIs5GcRwD4DJ0WBS5DWyNx-OPbjUicGXZMNmyOIa_81S9FmAc8KrXV48bfXgrjoTcfuIsPuCdl1goMDpRjKy=w1410-h1057-no"/>
            <p:cNvPicPr>
              <a:picLocks noChangeAspect="1" noChangeArrowheads="1"/>
            </p:cNvPicPr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30276" t="26494" r="34524" b="42226"/>
            <a:stretch/>
          </p:blipFill>
          <p:spPr bwMode="auto">
            <a:xfrm>
              <a:off x="9335566" y="3933056"/>
              <a:ext cx="2064368" cy="1376245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7" name="TextBox 16"/>
            <p:cNvSpPr txBox="1"/>
            <p:nvPr/>
          </p:nvSpPr>
          <p:spPr>
            <a:xfrm>
              <a:off x="10641081" y="4941168"/>
              <a:ext cx="892037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US" sz="1800" b="1" dirty="0" smtClean="0">
                  <a:solidFill>
                    <a:schemeClr val="bg1"/>
                  </a:solidFill>
                  <a:latin typeface="+mn-lt"/>
                </a:rPr>
                <a:t>623 K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83561546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nealing at 623 K </a:t>
            </a:r>
            <a:r>
              <a:rPr lang="en-US" dirty="0">
                <a:sym typeface="Wingdings" panose="05000000000000000000" pitchFamily="2" charset="2"/>
              </a:rPr>
              <a:t> </a:t>
            </a:r>
            <a:r>
              <a:rPr lang="en-US" dirty="0" smtClean="0">
                <a:sym typeface="Wingdings" panose="05000000000000000000" pitchFamily="2" charset="2"/>
              </a:rPr>
              <a:t>Si on the surface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5</a:t>
            </a:fld>
            <a:endParaRPr lang="da-DK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smtClean="0"/>
              <a:t>XPS - survey</a:t>
            </a:r>
            <a:endParaRPr lang="en-US" dirty="0"/>
          </a:p>
        </p:txBody>
      </p:sp>
      <p:pic>
        <p:nvPicPr>
          <p:cNvPr id="14" name="Picture 13"/>
          <p:cNvPicPr>
            <a:picLocks noChangeAspect="1"/>
          </p:cNvPicPr>
          <p:nvPr/>
        </p:nvPicPr>
        <p:blipFill rotWithShape="1">
          <a:blip r:embed="rId2"/>
          <a:srcRect l="910" t="2794"/>
          <a:stretch/>
        </p:blipFill>
        <p:spPr>
          <a:xfrm>
            <a:off x="1755785" y="1700808"/>
            <a:ext cx="8414152" cy="45876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5820320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Next steps</a:t>
            </a:r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 smtClean="0"/>
              <a:t>Synthesis</a:t>
            </a:r>
            <a:endParaRPr lang="en-US" dirty="0"/>
          </a:p>
          <a:p>
            <a:r>
              <a:rPr lang="en-US" dirty="0" smtClean="0"/>
              <a:t>Use the large ceramic boat to avoid lateral gradients in the </a:t>
            </a:r>
            <a:r>
              <a:rPr lang="en-US" dirty="0" err="1" smtClean="0"/>
              <a:t>PdZn</a:t>
            </a:r>
            <a:r>
              <a:rPr lang="en-US" dirty="0" smtClean="0"/>
              <a:t> ratio</a:t>
            </a:r>
          </a:p>
          <a:p>
            <a:r>
              <a:rPr lang="en-US" dirty="0" smtClean="0"/>
              <a:t>Find suitable annealing temperature(s)</a:t>
            </a:r>
          </a:p>
          <a:p>
            <a:r>
              <a:rPr lang="en-US" dirty="0" smtClean="0"/>
              <a:t>Find correlation between temperature and </a:t>
            </a:r>
            <a:r>
              <a:rPr lang="en-US" dirty="0" err="1" smtClean="0"/>
              <a:t>PdZn</a:t>
            </a:r>
            <a:r>
              <a:rPr lang="en-US" dirty="0" smtClean="0"/>
              <a:t> ratio</a:t>
            </a:r>
          </a:p>
          <a:p>
            <a:endParaRPr lang="en-US" dirty="0" smtClean="0"/>
          </a:p>
          <a:p>
            <a:pPr marL="0" indent="0">
              <a:buNone/>
            </a:pPr>
            <a:r>
              <a:rPr lang="en-US" dirty="0"/>
              <a:t>Once </a:t>
            </a:r>
            <a:r>
              <a:rPr lang="en-US" dirty="0" err="1" smtClean="0"/>
              <a:t>Pd</a:t>
            </a:r>
            <a:r>
              <a:rPr lang="en-US" baseline="-25000" dirty="0" err="1" smtClean="0"/>
              <a:t>x</a:t>
            </a:r>
            <a:r>
              <a:rPr lang="en-US" dirty="0" err="1" smtClean="0"/>
              <a:t>Zn</a:t>
            </a:r>
            <a:r>
              <a:rPr lang="en-US" baseline="-25000" dirty="0" err="1" smtClean="0"/>
              <a:t>y</a:t>
            </a:r>
            <a:r>
              <a:rPr lang="en-US" dirty="0" smtClean="0"/>
              <a:t> </a:t>
            </a:r>
            <a:r>
              <a:rPr lang="en-US" dirty="0"/>
              <a:t>is successfully </a:t>
            </a:r>
            <a:r>
              <a:rPr lang="en-US" dirty="0" smtClean="0"/>
              <a:t>synthesized</a:t>
            </a:r>
          </a:p>
          <a:p>
            <a:r>
              <a:rPr lang="en-US" dirty="0" smtClean="0"/>
              <a:t>Investigate the thickness of the </a:t>
            </a:r>
            <a:r>
              <a:rPr lang="en-US" dirty="0" err="1" smtClean="0"/>
              <a:t>PdZn</a:t>
            </a:r>
            <a:r>
              <a:rPr lang="en-US" dirty="0" smtClean="0"/>
              <a:t> and there is a vertical </a:t>
            </a:r>
            <a:r>
              <a:rPr lang="en-US" dirty="0"/>
              <a:t>gradient </a:t>
            </a:r>
            <a:endParaRPr lang="en-US" dirty="0" smtClean="0"/>
          </a:p>
          <a:p>
            <a:r>
              <a:rPr lang="en-US" dirty="0" smtClean="0"/>
              <a:t>Investigate </a:t>
            </a:r>
            <a:r>
              <a:rPr lang="en-US" dirty="0" err="1" smtClean="0"/>
              <a:t>zink</a:t>
            </a:r>
            <a:r>
              <a:rPr lang="en-US" dirty="0" smtClean="0"/>
              <a:t> oxide layer and </a:t>
            </a:r>
            <a:r>
              <a:rPr lang="en-US" dirty="0" err="1" smtClean="0"/>
              <a:t>Pd</a:t>
            </a:r>
            <a:r>
              <a:rPr lang="en-US" dirty="0" smtClean="0"/>
              <a:t> subshell formation over time</a:t>
            </a:r>
          </a:p>
          <a:p>
            <a:r>
              <a:rPr lang="en-US" dirty="0" smtClean="0"/>
              <a:t>Deposition of alumina (</a:t>
            </a:r>
            <a:r>
              <a:rPr lang="en-US" dirty="0" err="1" smtClean="0"/>
              <a:t>Al₃O</a:t>
            </a:r>
            <a:r>
              <a:rPr lang="en-US" dirty="0" smtClean="0"/>
              <a:t>₂)  and characterize surface </a:t>
            </a:r>
          </a:p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6</a:t>
            </a:fld>
            <a:endParaRPr lang="da-DK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smtClean="0"/>
              <a:t>CVD of </a:t>
            </a:r>
            <a:r>
              <a:rPr lang="en-US" dirty="0" err="1" smtClean="0"/>
              <a:t>PdZ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318754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 dirty="0" smtClean="0"/>
              <a:t>Any suggestions?</a:t>
            </a:r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DO CVD at </a:t>
            </a:r>
            <a:r>
              <a:rPr lang="en-US" dirty="0" err="1" smtClean="0"/>
              <a:t>vaiours</a:t>
            </a:r>
            <a:r>
              <a:rPr lang="en-US" dirty="0" smtClean="0"/>
              <a:t> T for </a:t>
            </a:r>
            <a:r>
              <a:rPr lang="en-US" dirty="0" err="1" smtClean="0"/>
              <a:t>Pd</a:t>
            </a:r>
            <a:r>
              <a:rPr lang="en-US" dirty="0" smtClean="0"/>
              <a:t> to monitor the </a:t>
            </a:r>
            <a:r>
              <a:rPr lang="en-US" dirty="0" err="1" smtClean="0"/>
              <a:t>PdSi</a:t>
            </a:r>
            <a:r>
              <a:rPr lang="en-US" smtClean="0"/>
              <a:t> formation</a:t>
            </a:r>
          </a:p>
          <a:p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853224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noProof="0" dirty="0" smtClean="0"/>
              <a:t>CVD of </a:t>
            </a:r>
            <a:r>
              <a:rPr lang="en-US" noProof="0" dirty="0" err="1" smtClean="0"/>
              <a:t>PdZn</a:t>
            </a:r>
            <a:r>
              <a:rPr lang="en-US" noProof="0" dirty="0" smtClean="0"/>
              <a:t/>
            </a:r>
            <a:br>
              <a:rPr lang="en-US" noProof="0" dirty="0" smtClean="0"/>
            </a:br>
            <a:endParaRPr lang="en-US" noProof="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Celia Cailloux , </a:t>
            </a:r>
            <a:r>
              <a:rPr lang="en-US" dirty="0" smtClean="0"/>
              <a:t>7</a:t>
            </a:r>
            <a:r>
              <a:rPr lang="en-US" baseline="30000" dirty="0" smtClean="0"/>
              <a:t>th</a:t>
            </a:r>
            <a:r>
              <a:rPr lang="en-US" dirty="0" smtClean="0"/>
              <a:t> </a:t>
            </a:r>
            <a:r>
              <a:rPr lang="en-US" dirty="0"/>
              <a:t>of November </a:t>
            </a:r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Group 8">
            <a:extLst>
              <a:ext uri="{FF2B5EF4-FFF2-40B4-BE49-F238E27FC236}">
                <a16:creationId xmlns:a16="http://schemas.microsoft.com/office/drawing/2014/main" id="{E951A962-5C60-694A-96A1-E491DFF1E57B}"/>
              </a:ext>
            </a:extLst>
          </p:cNvPr>
          <p:cNvGrpSpPr/>
          <p:nvPr/>
        </p:nvGrpSpPr>
        <p:grpSpPr>
          <a:xfrm>
            <a:off x="5607218" y="1196752"/>
            <a:ext cx="3233303" cy="4337880"/>
            <a:chOff x="7895406" y="1180482"/>
            <a:chExt cx="3804288" cy="5103929"/>
          </a:xfrm>
        </p:grpSpPr>
        <p:pic>
          <p:nvPicPr>
            <p:cNvPr id="10" name="Picture 9"/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7895406" y="1180482"/>
              <a:ext cx="3804288" cy="5103929"/>
            </a:xfrm>
            <a:prstGeom prst="rect">
              <a:avLst/>
            </a:prstGeom>
          </p:spPr>
        </p:pic>
        <p:sp>
          <p:nvSpPr>
            <p:cNvPr id="11" name="Left Arrow 10">
              <a:extLst>
                <a:ext uri="{FF2B5EF4-FFF2-40B4-BE49-F238E27FC236}">
                  <a16:creationId xmlns:a16="http://schemas.microsoft.com/office/drawing/2014/main" id="{E4D27142-1052-BA48-88A8-5E3E63EBB6E0}"/>
                </a:ext>
              </a:extLst>
            </p:cNvPr>
            <p:cNvSpPr/>
            <p:nvPr/>
          </p:nvSpPr>
          <p:spPr bwMode="auto">
            <a:xfrm rot="17388354">
              <a:off x="9221022" y="2343787"/>
              <a:ext cx="1954473" cy="247652"/>
            </a:xfrm>
            <a:prstGeom prst="leftArrow">
              <a:avLst>
                <a:gd name="adj1" fmla="val 29779"/>
                <a:gd name="adj2" fmla="val 82972"/>
              </a:avLst>
            </a:prstGeom>
            <a:solidFill>
              <a:srgbClr val="0070C0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3600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en-US" sz="1000" b="0" i="0" u="none" strike="noStrike" cap="none" normalizeH="0" baseline="0" dirty="0">
                  <a:ln>
                    <a:noFill/>
                  </a:ln>
                  <a:solidFill>
                    <a:srgbClr val="0070C0"/>
                  </a:solidFill>
                  <a:effectLst/>
                  <a:latin typeface="+mn-lt"/>
                  <a:ea typeface="ＭＳ Ｐゴシック" pitchFamily="-80" charset="-128"/>
                </a:rPr>
                <a:t>Adding Zn</a:t>
              </a: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2BFB2948-D939-654C-888F-54E4E5E07B63}"/>
                </a:ext>
              </a:extLst>
            </p:cNvPr>
            <p:cNvSpPr txBox="1"/>
            <p:nvPr/>
          </p:nvSpPr>
          <p:spPr>
            <a:xfrm>
              <a:off x="8668258" y="4104000"/>
              <a:ext cx="269306" cy="10772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US" sz="700" dirty="0">
                  <a:solidFill>
                    <a:srgbClr val="0070C0"/>
                  </a:solidFill>
                  <a:latin typeface="+mn-lt"/>
                </a:rPr>
                <a:t>Zn-CO</a:t>
              </a: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73BD0B6E-4A28-6A46-AB49-98225F042EAF}"/>
                </a:ext>
              </a:extLst>
            </p:cNvPr>
            <p:cNvSpPr txBox="1"/>
            <p:nvPr/>
          </p:nvSpPr>
          <p:spPr>
            <a:xfrm>
              <a:off x="9108000" y="3905696"/>
              <a:ext cx="335582" cy="107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US" sz="700" dirty="0">
                  <a:solidFill>
                    <a:srgbClr val="0070C0"/>
                  </a:solidFill>
                  <a:latin typeface="+mn-lt"/>
                </a:rPr>
                <a:t>Pd-CO</a:t>
              </a:r>
            </a:p>
          </p:txBody>
        </p:sp>
      </p:grpSp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 smtClean="0"/>
              <a:t>PdZn</a:t>
            </a:r>
            <a:r>
              <a:rPr lang="en-US" dirty="0" smtClean="0"/>
              <a:t> = Cu</a:t>
            </a:r>
            <a:endParaRPr lang="en-US" dirty="0"/>
          </a:p>
        </p:txBody>
      </p:sp>
      <p:sp>
        <p:nvSpPr>
          <p:cNvPr id="7" name="Content Placeholder 6"/>
          <p:cNvSpPr>
            <a:spLocks noGrp="1"/>
          </p:cNvSpPr>
          <p:nvPr>
            <p:ph idx="1"/>
          </p:nvPr>
        </p:nvSpPr>
        <p:spPr>
          <a:xfrm>
            <a:off x="838622" y="1744153"/>
            <a:ext cx="4885002" cy="4507753"/>
          </a:xfrm>
        </p:spPr>
        <p:txBody>
          <a:bodyPr/>
          <a:lstStyle/>
          <a:p>
            <a:r>
              <a:rPr lang="en-US" sz="1600" dirty="0" err="1" smtClean="0"/>
              <a:t>PdZn</a:t>
            </a:r>
            <a:r>
              <a:rPr lang="en-US" sz="1600" dirty="0" smtClean="0"/>
              <a:t> forms a very stable intermetallic (~ -0.55 eV)</a:t>
            </a:r>
          </a:p>
          <a:p>
            <a:r>
              <a:rPr lang="en-US" sz="1600" dirty="0" smtClean="0"/>
              <a:t>From </a:t>
            </a:r>
            <a:r>
              <a:rPr lang="en-US" sz="1600" dirty="0" err="1" smtClean="0"/>
              <a:t>PdZn</a:t>
            </a:r>
            <a:r>
              <a:rPr lang="en-US" sz="1600" dirty="0" smtClean="0"/>
              <a:t> form both geometric and electronic effects arise which gives a high degree of </a:t>
            </a:r>
            <a:r>
              <a:rPr lang="en-US" sz="1600" dirty="0" err="1" smtClean="0"/>
              <a:t>tunability</a:t>
            </a:r>
            <a:r>
              <a:rPr lang="en-US" sz="1600" dirty="0" smtClean="0"/>
              <a:t> with respect to its chemical properties, both activity and selectivity.</a:t>
            </a:r>
          </a:p>
          <a:p>
            <a:r>
              <a:rPr lang="en-US" sz="1600" dirty="0" smtClean="0"/>
              <a:t>For steam reforming of methanol the electronic structure and catalytic effect of the </a:t>
            </a:r>
            <a:r>
              <a:rPr lang="en-US" sz="1600" dirty="0" err="1" smtClean="0"/>
              <a:t>PdZn</a:t>
            </a:r>
            <a:r>
              <a:rPr lang="en-US" sz="1600" dirty="0" smtClean="0"/>
              <a:t> intermetallic has been shown to resemble that of Cu</a:t>
            </a:r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smtClean="0"/>
              <a:t>Motivation for </a:t>
            </a:r>
            <a:r>
              <a:rPr lang="en-US" dirty="0" err="1" smtClean="0"/>
              <a:t>PdZn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14" name="Picture 13"/>
          <p:cNvPicPr>
            <a:picLocks noChangeAspect="1"/>
          </p:cNvPicPr>
          <p:nvPr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ackgroundRemoval t="1040" b="99376" l="1235" r="95309">
                        <a14:foregroundMark x1="22963" y1="1247" x2="22963" y2="88565"/>
                        <a14:foregroundMark x1="76296" y1="92516" x2="22222" y2="91060"/>
                        <a14:foregroundMark x1="25185" y1="88981" x2="5185" y2="89605"/>
                        <a14:foregroundMark x1="15062" y1="89813" x2="15556" y2="96881"/>
                        <a14:foregroundMark x1="14568" y1="93555" x2="3210" y2="97713"/>
                        <a14:foregroundMark x1="31852" y1="5821" x2="30617" y2="40125"/>
                        <a14:foregroundMark x1="26914" y1="29314" x2="32099" y2="53015"/>
                        <a14:foregroundMark x1="28642" y1="18295" x2="27654" y2="46154"/>
                        <a14:foregroundMark x1="26667" y1="21206" x2="27654" y2="50312"/>
                        <a14:foregroundMark x1="29136" y1="53222" x2="29877" y2="40333"/>
                        <a14:foregroundMark x1="26420" y1="36798" x2="26420" y2="36798"/>
                        <a14:foregroundMark x1="26420" y1="36798" x2="26420" y2="36798"/>
                        <a14:foregroundMark x1="27407" y1="47401" x2="27407" y2="47401"/>
                        <a14:foregroundMark x1="27407" y1="47401" x2="27407" y2="47401"/>
                        <a14:foregroundMark x1="68642" y1="82328" x2="77778" y2="85239"/>
                        <a14:foregroundMark x1="26173" y1="85447" x2="30617" y2="79418"/>
                        <a14:foregroundMark x1="22222" y1="91268" x2="7901" y2="90437"/>
                        <a14:foregroundMark x1="5432" y1="90437" x2="5432" y2="90437"/>
                        <a14:foregroundMark x1="6420" y1="96674" x2="24691" y2="98753"/>
                        <a14:foregroundMark x1="78519" y1="96466" x2="99012" y2="91060"/>
                        <a14:foregroundMark x1="3210" y1="90229" x2="1728" y2="99584"/>
                        <a14:foregroundMark x1="38272" y1="95010" x2="40247" y2="95010"/>
                        <a14:foregroundMark x1="2716" y1="90437" x2="10123" y2="90644"/>
                        <a14:foregroundMark x1="21728" y1="92308" x2="0" y2="91476"/>
                        <a14:foregroundMark x1="1975" y1="96674" x2="20494" y2="98753"/>
                        <a14:foregroundMark x1="80000" y1="90437" x2="93333" y2="96881"/>
                        <a14:foregroundMark x1="98272" y1="91476" x2="99012" y2="99376"/>
                        <a14:foregroundMark x1="97531" y1="91476" x2="99012" y2="99168"/>
                        <a14:foregroundMark x1="83210" y1="92100" x2="99753" y2="91268"/>
                        <a14:foregroundMark x1="92099" y1="98753" x2="85185" y2="96258"/>
                        <a14:foregroundMark x1="96543" y1="91684" x2="98272" y2="96881"/>
                        <a14:foregroundMark x1="98272" y1="96881" x2="98272" y2="96881"/>
                        <a14:foregroundMark x1="79012" y1="90229" x2="99753" y2="89605"/>
                        <a14:foregroundMark x1="84198" y1="99168" x2="98272" y2="99792"/>
                        <a14:foregroundMark x1="84198" y1="89605" x2="95309" y2="97713"/>
                        <a14:backgroundMark x1="23457" y1="208" x2="22963" y2="86902"/>
                        <a14:backgroundMark x1="6667" y1="5198" x2="8395" y2="13098"/>
                        <a14:backgroundMark x1="12099" y1="6653" x2="14815" y2="14761"/>
                        <a14:backgroundMark x1="13086" y1="27027" x2="10864" y2="47401"/>
                        <a14:backgroundMark x1="7654" y1="30561" x2="10617" y2="49064"/>
                      </a14:backgroundRemoval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8660971" y="1116916"/>
            <a:ext cx="3302391" cy="3922099"/>
          </a:xfrm>
          <a:prstGeom prst="rect">
            <a:avLst/>
          </a:prstGeom>
        </p:spPr>
      </p:pic>
      <p:grpSp>
        <p:nvGrpSpPr>
          <p:cNvPr id="18" name="Group 17"/>
          <p:cNvGrpSpPr/>
          <p:nvPr/>
        </p:nvGrpSpPr>
        <p:grpSpPr>
          <a:xfrm>
            <a:off x="595168" y="4192480"/>
            <a:ext cx="4741939" cy="2174778"/>
            <a:chOff x="1121580" y="4706414"/>
            <a:chExt cx="3702125" cy="1697892"/>
          </a:xfrm>
        </p:grpSpPr>
        <p:pic>
          <p:nvPicPr>
            <p:cNvPr id="16" name="Picture 15"/>
            <p:cNvPicPr>
              <a:picLocks noChangeAspect="1"/>
            </p:cNvPicPr>
            <p:nvPr/>
          </p:nvPicPr>
          <p:blipFill rotWithShape="1">
            <a:blip r:embed="rId5"/>
            <a:srcRect b="81896"/>
            <a:stretch/>
          </p:blipFill>
          <p:spPr>
            <a:xfrm>
              <a:off x="1121580" y="4706414"/>
              <a:ext cx="3690566" cy="401166"/>
            </a:xfrm>
            <a:prstGeom prst="rect">
              <a:avLst/>
            </a:prstGeom>
          </p:spPr>
        </p:pic>
        <p:pic>
          <p:nvPicPr>
            <p:cNvPr id="17" name="Picture 16"/>
            <p:cNvPicPr>
              <a:picLocks noChangeAspect="1"/>
            </p:cNvPicPr>
            <p:nvPr/>
          </p:nvPicPr>
          <p:blipFill rotWithShape="1">
            <a:blip r:embed="rId5"/>
            <a:srcRect t="43722"/>
            <a:stretch/>
          </p:blipFill>
          <p:spPr>
            <a:xfrm>
              <a:off x="1133139" y="5157192"/>
              <a:ext cx="3690566" cy="1247114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51319707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”</a:t>
            </a:r>
            <a:r>
              <a:rPr lang="da-DK" dirty="0" err="1" smtClean="0"/>
              <a:t>Expected</a:t>
            </a:r>
            <a:r>
              <a:rPr lang="da-DK" dirty="0" smtClean="0"/>
              <a:t>” (</a:t>
            </a:r>
            <a:r>
              <a:rPr lang="da-DK" dirty="0" err="1" smtClean="0"/>
              <a:t>desirable</a:t>
            </a:r>
            <a:r>
              <a:rPr lang="da-DK" dirty="0" smtClean="0"/>
              <a:t>) </a:t>
            </a:r>
            <a:r>
              <a:rPr lang="da-DK" dirty="0" err="1" smtClean="0"/>
              <a:t>PdZn</a:t>
            </a:r>
            <a:r>
              <a:rPr lang="da-DK" dirty="0" smtClean="0"/>
              <a:t> formation</a:t>
            </a:r>
            <a:endParaRPr lang="en-US" dirty="0"/>
          </a:p>
        </p:txBody>
      </p:sp>
      <p:sp>
        <p:nvSpPr>
          <p:cNvPr id="9" name="Content Placeholder 8"/>
          <p:cNvSpPr>
            <a:spLocks noGrp="1"/>
          </p:cNvSpPr>
          <p:nvPr>
            <p:ph idx="1"/>
          </p:nvPr>
        </p:nvSpPr>
        <p:spPr>
          <a:xfrm>
            <a:off x="838622" y="1744153"/>
            <a:ext cx="3816424" cy="4507753"/>
          </a:xfrm>
        </p:spPr>
        <p:txBody>
          <a:bodyPr/>
          <a:lstStyle/>
          <a:p>
            <a:pPr marL="0" indent="0">
              <a:buNone/>
            </a:pPr>
            <a:r>
              <a:rPr lang="en-US" dirty="0" smtClean="0"/>
              <a:t>EXAFS on </a:t>
            </a:r>
            <a:r>
              <a:rPr lang="en-US" dirty="0" err="1" smtClean="0"/>
              <a:t>Pd</a:t>
            </a:r>
            <a:r>
              <a:rPr lang="en-US" dirty="0" smtClean="0"/>
              <a:t>/</a:t>
            </a:r>
            <a:r>
              <a:rPr lang="en-US" dirty="0" err="1" smtClean="0"/>
              <a:t>ZnO</a:t>
            </a:r>
            <a:endParaRPr lang="en-US" dirty="0" smtClean="0"/>
          </a:p>
          <a:p>
            <a:r>
              <a:rPr lang="en-US" dirty="0"/>
              <a:t>At </a:t>
            </a:r>
            <a:r>
              <a:rPr lang="en-US" b="1" dirty="0"/>
              <a:t>623 K</a:t>
            </a:r>
            <a:r>
              <a:rPr lang="en-US" dirty="0"/>
              <a:t> Zn starts to diffuse into the </a:t>
            </a:r>
            <a:r>
              <a:rPr lang="en-US" dirty="0" err="1"/>
              <a:t>Pd</a:t>
            </a:r>
            <a:r>
              <a:rPr lang="en-US" dirty="0"/>
              <a:t> </a:t>
            </a:r>
            <a:r>
              <a:rPr lang="en-US" dirty="0" smtClean="0"/>
              <a:t>nanoparticles and form </a:t>
            </a:r>
            <a:r>
              <a:rPr lang="en-US" dirty="0" err="1" smtClean="0"/>
              <a:t>PdZn</a:t>
            </a:r>
            <a:endParaRPr lang="en-US" dirty="0" smtClean="0"/>
          </a:p>
          <a:p>
            <a:r>
              <a:rPr lang="en-US" dirty="0" err="1" smtClean="0"/>
              <a:t>PdZn</a:t>
            </a:r>
            <a:r>
              <a:rPr lang="en-US" dirty="0" smtClean="0"/>
              <a:t> layer </a:t>
            </a:r>
            <a:r>
              <a:rPr lang="en-US" dirty="0"/>
              <a:t>grows thicker over time</a:t>
            </a:r>
          </a:p>
          <a:p>
            <a:r>
              <a:rPr lang="en-US" dirty="0" smtClean="0"/>
              <a:t>Preferential oxidation of Zn </a:t>
            </a:r>
            <a:r>
              <a:rPr lang="en-US" dirty="0" smtClean="0">
                <a:sym typeface="Wingdings" panose="05000000000000000000" pitchFamily="2" charset="2"/>
              </a:rPr>
              <a:t> </a:t>
            </a:r>
            <a:r>
              <a:rPr lang="en-US" dirty="0" err="1" smtClean="0"/>
              <a:t>ZnO</a:t>
            </a:r>
            <a:r>
              <a:rPr lang="en-US" dirty="0" smtClean="0"/>
              <a:t> segregation and formation of a </a:t>
            </a:r>
            <a:r>
              <a:rPr lang="en-US" dirty="0" err="1" smtClean="0"/>
              <a:t>Pd</a:t>
            </a:r>
            <a:r>
              <a:rPr lang="en-US" dirty="0" smtClean="0"/>
              <a:t> subshell</a:t>
            </a:r>
          </a:p>
          <a:p>
            <a:r>
              <a:rPr lang="en-US" dirty="0" smtClean="0"/>
              <a:t>For MSR the </a:t>
            </a:r>
            <a:r>
              <a:rPr lang="en-US" dirty="0" err="1" smtClean="0"/>
              <a:t>PdZn</a:t>
            </a:r>
            <a:r>
              <a:rPr lang="en-US" dirty="0" smtClean="0"/>
              <a:t> is reversible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da-DK" dirty="0" err="1" smtClean="0"/>
              <a:t>PdZn</a:t>
            </a:r>
            <a:endParaRPr lang="en-US" dirty="0"/>
          </a:p>
        </p:txBody>
      </p:sp>
      <p:grpSp>
        <p:nvGrpSpPr>
          <p:cNvPr id="11" name="Group 10"/>
          <p:cNvGrpSpPr/>
          <p:nvPr/>
        </p:nvGrpSpPr>
        <p:grpSpPr>
          <a:xfrm>
            <a:off x="4917605" y="1916832"/>
            <a:ext cx="7272808" cy="3421876"/>
            <a:chOff x="4449942" y="2492896"/>
            <a:chExt cx="7272808" cy="3421876"/>
          </a:xfrm>
        </p:grpSpPr>
        <p:pic>
          <p:nvPicPr>
            <p:cNvPr id="7" name="Picture 6"/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4449942" y="2492896"/>
              <a:ext cx="7272808" cy="2795449"/>
            </a:xfrm>
            <a:prstGeom prst="rect">
              <a:avLst/>
            </a:prstGeom>
          </p:spPr>
        </p:pic>
        <p:sp>
          <p:nvSpPr>
            <p:cNvPr id="10" name="TextBox 9"/>
            <p:cNvSpPr txBox="1"/>
            <p:nvPr/>
          </p:nvSpPr>
          <p:spPr>
            <a:xfrm>
              <a:off x="5087094" y="5360774"/>
              <a:ext cx="5526905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spcBef>
                  <a:spcPts val="432"/>
                </a:spcBef>
              </a:pPr>
              <a:r>
                <a:rPr lang="en-US" sz="1200" dirty="0" err="1"/>
                <a:t>Föttinger</a:t>
              </a:r>
              <a:r>
                <a:rPr lang="en-US" sz="1200" dirty="0"/>
                <a:t>, K</a:t>
              </a:r>
              <a:r>
                <a:rPr lang="en-US" sz="1200" dirty="0" smtClean="0"/>
                <a:t>. (2011</a:t>
              </a:r>
              <a:r>
                <a:rPr lang="en-US" sz="1200" dirty="0"/>
                <a:t>). Dynamic structure of a working methanol steam reforming catalyst: In situ quick-EXAFS on </a:t>
              </a:r>
              <a:r>
                <a:rPr lang="en-US" sz="1200" dirty="0" err="1"/>
                <a:t>Pd</a:t>
              </a:r>
              <a:r>
                <a:rPr lang="en-US" sz="1200" dirty="0"/>
                <a:t>/</a:t>
              </a:r>
              <a:r>
                <a:rPr lang="en-US" sz="1200" dirty="0" err="1"/>
                <a:t>ZnO</a:t>
              </a:r>
              <a:r>
                <a:rPr lang="en-US" sz="1200" dirty="0"/>
                <a:t> nanoparticles. </a:t>
              </a:r>
              <a:r>
                <a:rPr lang="en-US" sz="1200" i="1" dirty="0"/>
                <a:t>Journal of Physical Chemistry Letters</a:t>
              </a:r>
              <a:r>
                <a:rPr lang="en-US" sz="1200" dirty="0"/>
                <a:t>, </a:t>
              </a:r>
              <a:r>
                <a:rPr lang="en-US" sz="1200" i="1" dirty="0"/>
                <a:t>2</a:t>
              </a:r>
              <a:r>
                <a:rPr lang="en-US" sz="1200" dirty="0"/>
                <a:t>(5), </a:t>
              </a:r>
              <a:r>
                <a:rPr lang="en-US" sz="1200" dirty="0" smtClean="0"/>
                <a:t>428–433</a:t>
              </a:r>
              <a:endParaRPr lang="en-US" sz="1200" dirty="0"/>
            </a:p>
          </p:txBody>
        </p:sp>
      </p:grpSp>
    </p:spTree>
    <p:extLst>
      <p:ext uri="{BB962C8B-B14F-4D97-AF65-F5344CB8AC3E}">
        <p14:creationId xmlns:p14="http://schemas.microsoft.com/office/powerpoint/2010/main" val="265936707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APVCD Procedure</a:t>
            </a:r>
            <a:endParaRPr lang="en-US" noProof="0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838622" y="1744153"/>
            <a:ext cx="7776864" cy="4507753"/>
          </a:xfrm>
        </p:spPr>
        <p:txBody>
          <a:bodyPr/>
          <a:lstStyle/>
          <a:p>
            <a:pPr marL="0" indent="0">
              <a:buNone/>
            </a:pPr>
            <a:r>
              <a:rPr lang="en-US" b="1" dirty="0" smtClean="0"/>
              <a:t>Cleaning</a:t>
            </a:r>
          </a:p>
          <a:p>
            <a:r>
              <a:rPr lang="en-US" sz="1400" dirty="0" smtClean="0"/>
              <a:t>Cleaning of ceramics in Aqua </a:t>
            </a:r>
            <a:r>
              <a:rPr lang="en-US" sz="1400" dirty="0" err="1" smtClean="0"/>
              <a:t>Regia</a:t>
            </a:r>
            <a:endParaRPr lang="en-US" sz="1400" dirty="0" smtClean="0"/>
          </a:p>
          <a:p>
            <a:r>
              <a:rPr lang="en-US" sz="1400" dirty="0" smtClean="0"/>
              <a:t>Cleaned the quartz tube in 500 °C ~200 mL/min </a:t>
            </a:r>
            <a:r>
              <a:rPr lang="en-US" sz="1400" dirty="0" err="1" smtClean="0"/>
              <a:t>Ar</a:t>
            </a:r>
            <a:r>
              <a:rPr lang="en-US" sz="1400" dirty="0" smtClean="0"/>
              <a:t> for 1 h</a:t>
            </a:r>
          </a:p>
          <a:p>
            <a:endParaRPr lang="en-US" sz="1600" dirty="0" smtClean="0"/>
          </a:p>
          <a:p>
            <a:pPr marL="0" indent="0">
              <a:buNone/>
            </a:pPr>
            <a:r>
              <a:rPr lang="en-US" b="1" dirty="0" smtClean="0"/>
              <a:t>CVD procedure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1400" dirty="0"/>
              <a:t>Placed the </a:t>
            </a:r>
            <a:r>
              <a:rPr lang="en-US" sz="1400" dirty="0" err="1"/>
              <a:t>Pd</a:t>
            </a:r>
            <a:r>
              <a:rPr lang="en-US" sz="1400" dirty="0"/>
              <a:t> film on top of the ceramic boat with a Zn shot </a:t>
            </a:r>
            <a:r>
              <a:rPr lang="en-US" sz="1400" dirty="0" smtClean="0"/>
              <a:t>underneath.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1400" dirty="0" smtClean="0"/>
              <a:t>Flow </a:t>
            </a:r>
            <a:r>
              <a:rPr lang="en-US" sz="1400" dirty="0" err="1" smtClean="0"/>
              <a:t>Ar</a:t>
            </a:r>
            <a:r>
              <a:rPr lang="en-US" sz="1400" dirty="0" smtClean="0"/>
              <a:t> (~100 mL/min) for roughly 10 min 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1400" dirty="0" smtClean="0"/>
              <a:t>Pump down tube 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1400" dirty="0" smtClean="0"/>
              <a:t>Fill tube with </a:t>
            </a:r>
            <a:r>
              <a:rPr lang="en-US" sz="1400" dirty="0" err="1" smtClean="0"/>
              <a:t>Ar</a:t>
            </a:r>
            <a:r>
              <a:rPr lang="en-US" sz="1400" dirty="0" smtClean="0"/>
              <a:t> without a flow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1400" dirty="0" smtClean="0"/>
              <a:t>Repeat 3 and 4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1400" dirty="0" smtClean="0"/>
              <a:t>Reduction &amp; annealing</a:t>
            </a:r>
          </a:p>
          <a:p>
            <a:pPr marL="558900" lvl="1" indent="-342900">
              <a:buFont typeface="+mj-lt"/>
              <a:buAutoNum type="alphaLcPeriod"/>
            </a:pPr>
            <a:r>
              <a:rPr lang="en-US" sz="1400" dirty="0" smtClean="0"/>
              <a:t>Flow 100 mL/min 16 vol.% H₂/</a:t>
            </a:r>
            <a:r>
              <a:rPr lang="en-US" sz="1400" dirty="0" err="1" smtClean="0"/>
              <a:t>Ar</a:t>
            </a:r>
            <a:r>
              <a:rPr lang="en-US" sz="1400" dirty="0" smtClean="0"/>
              <a:t> and heat to desired annealing temperature for 1 h total </a:t>
            </a:r>
          </a:p>
          <a:p>
            <a:pPr marL="558900" lvl="1" indent="-342900">
              <a:buFont typeface="+mj-lt"/>
              <a:buAutoNum type="alphaLcPeriod"/>
            </a:pPr>
            <a:r>
              <a:rPr lang="en-US" sz="1400" dirty="0"/>
              <a:t>Flow 100 mL/min 16 vol.% H₂/</a:t>
            </a:r>
            <a:r>
              <a:rPr lang="en-US" sz="1400" dirty="0" err="1"/>
              <a:t>Ar</a:t>
            </a:r>
            <a:r>
              <a:rPr lang="en-US" sz="1400" dirty="0"/>
              <a:t> and heat to desired annealing temperature </a:t>
            </a:r>
            <a:r>
              <a:rPr lang="en-US" sz="1400" dirty="0" smtClean="0"/>
              <a:t>and leave reducing for 30 min. Then anneal for 1 </a:t>
            </a:r>
            <a:r>
              <a:rPr lang="en-US" sz="1400" dirty="0"/>
              <a:t>h </a:t>
            </a:r>
            <a:r>
              <a:rPr lang="en-US" sz="1400" dirty="0" smtClean="0"/>
              <a:t>total with </a:t>
            </a:r>
            <a:r>
              <a:rPr lang="en-US" sz="1400" b="1" dirty="0" smtClean="0"/>
              <a:t>no flow</a:t>
            </a:r>
            <a:r>
              <a:rPr lang="en-US" sz="1400" dirty="0" smtClean="0"/>
              <a:t>. Then additional reduction for 30 min.  </a:t>
            </a:r>
            <a:endParaRPr lang="en-US" sz="1600" dirty="0" smtClean="0"/>
          </a:p>
          <a:p>
            <a:pPr marL="342900" indent="-342900">
              <a:buFont typeface="+mj-lt"/>
              <a:buAutoNum type="arabicPeriod"/>
            </a:pPr>
            <a:r>
              <a:rPr lang="en-US" sz="1400" dirty="0" smtClean="0"/>
              <a:t>Cool down in </a:t>
            </a:r>
            <a:r>
              <a:rPr lang="en-US" sz="1400" dirty="0"/>
              <a:t>100 mL/min 16 vol.% H₂/</a:t>
            </a:r>
            <a:r>
              <a:rPr lang="en-US" sz="1400" dirty="0" err="1" smtClean="0"/>
              <a:t>Ar</a:t>
            </a:r>
            <a:r>
              <a:rPr lang="en-US" sz="1400" dirty="0" smtClean="0"/>
              <a:t> till reaching room temperature</a:t>
            </a:r>
            <a:endParaRPr lang="en-US" sz="1400" dirty="0"/>
          </a:p>
          <a:p>
            <a:endParaRPr lang="en-US" sz="16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smtClean="0"/>
              <a:t>Experimenta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540610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Configurations</a:t>
            </a:r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>
          <a:xfrm>
            <a:off x="838622" y="1744153"/>
            <a:ext cx="3672408" cy="4507753"/>
          </a:xfrm>
        </p:spPr>
        <p:txBody>
          <a:bodyPr/>
          <a:lstStyle/>
          <a:p>
            <a:pPr marL="0" indent="0">
              <a:buNone/>
            </a:pPr>
            <a:r>
              <a:rPr lang="en-US" dirty="0" smtClean="0"/>
              <a:t>Three different configurations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sz="1400" dirty="0" smtClean="0"/>
              <a:t>Placing the </a:t>
            </a:r>
            <a:r>
              <a:rPr lang="en-US" sz="1400" dirty="0" err="1" smtClean="0"/>
              <a:t>Pd</a:t>
            </a:r>
            <a:r>
              <a:rPr lang="en-US" sz="1400" dirty="0" smtClean="0"/>
              <a:t> film at the end 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sz="1400" dirty="0" smtClean="0"/>
              <a:t>Placing the </a:t>
            </a:r>
            <a:r>
              <a:rPr lang="en-US" sz="1400" dirty="0" err="1" smtClean="0"/>
              <a:t>Pd</a:t>
            </a:r>
            <a:r>
              <a:rPr lang="en-US" sz="1400" dirty="0" smtClean="0"/>
              <a:t> film in the middle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sz="1400" dirty="0" smtClean="0"/>
              <a:t>Changing to a smaller boat </a:t>
            </a:r>
            <a:r>
              <a:rPr lang="en-US" sz="1400" dirty="0" smtClean="0">
                <a:sym typeface="Wingdings" panose="05000000000000000000" pitchFamily="2" charset="2"/>
              </a:rPr>
              <a:t> </a:t>
            </a:r>
            <a:r>
              <a:rPr lang="en-US" sz="1400" dirty="0" smtClean="0"/>
              <a:t>shorter distance between </a:t>
            </a:r>
            <a:r>
              <a:rPr lang="en-US" sz="1400" dirty="0" err="1" smtClean="0"/>
              <a:t>Pd</a:t>
            </a:r>
            <a:r>
              <a:rPr lang="en-US" sz="1400" dirty="0" smtClean="0"/>
              <a:t>/Si and Zn pellet</a:t>
            </a:r>
            <a:endParaRPr lang="en-US" sz="14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smtClean="0"/>
              <a:t>Experimental</a:t>
            </a:r>
            <a:endParaRPr lang="en-US" dirty="0"/>
          </a:p>
        </p:txBody>
      </p:sp>
      <p:grpSp>
        <p:nvGrpSpPr>
          <p:cNvPr id="34" name="Group 33"/>
          <p:cNvGrpSpPr/>
          <p:nvPr/>
        </p:nvGrpSpPr>
        <p:grpSpPr>
          <a:xfrm>
            <a:off x="5415308" y="217343"/>
            <a:ext cx="2480097" cy="3493573"/>
            <a:chOff x="7484037" y="400335"/>
            <a:chExt cx="2016226" cy="2891870"/>
          </a:xfrm>
        </p:grpSpPr>
        <p:grpSp>
          <p:nvGrpSpPr>
            <p:cNvPr id="20" name="Group 19"/>
            <p:cNvGrpSpPr/>
            <p:nvPr/>
          </p:nvGrpSpPr>
          <p:grpSpPr>
            <a:xfrm>
              <a:off x="7484037" y="400335"/>
              <a:ext cx="2016226" cy="2891870"/>
              <a:chOff x="9922825" y="403415"/>
              <a:chExt cx="2016226" cy="2891870"/>
            </a:xfrm>
          </p:grpSpPr>
          <p:grpSp>
            <p:nvGrpSpPr>
              <p:cNvPr id="16" name="Group 15"/>
              <p:cNvGrpSpPr/>
              <p:nvPr/>
            </p:nvGrpSpPr>
            <p:grpSpPr>
              <a:xfrm>
                <a:off x="9922825" y="403415"/>
                <a:ext cx="2016226" cy="2593537"/>
                <a:chOff x="9922825" y="403415"/>
                <a:chExt cx="2016226" cy="2593537"/>
              </a:xfrm>
            </p:grpSpPr>
            <p:grpSp>
              <p:nvGrpSpPr>
                <p:cNvPr id="10" name="Group 9"/>
                <p:cNvGrpSpPr/>
                <p:nvPr/>
              </p:nvGrpSpPr>
              <p:grpSpPr>
                <a:xfrm>
                  <a:off x="9922825" y="403415"/>
                  <a:ext cx="2016226" cy="2030933"/>
                  <a:chOff x="9551590" y="1448402"/>
                  <a:chExt cx="2016226" cy="2030933"/>
                </a:xfrm>
              </p:grpSpPr>
              <p:grpSp>
                <p:nvGrpSpPr>
                  <p:cNvPr id="11" name="Group 10"/>
                  <p:cNvGrpSpPr/>
                  <p:nvPr/>
                </p:nvGrpSpPr>
                <p:grpSpPr>
                  <a:xfrm>
                    <a:off x="9551590" y="1448402"/>
                    <a:ext cx="2016225" cy="1375143"/>
                    <a:chOff x="2314787" y="5514280"/>
                    <a:chExt cx="2016225" cy="1375143"/>
                  </a:xfrm>
                </p:grpSpPr>
                <p:pic>
                  <p:nvPicPr>
                    <p:cNvPr id="13" name="Picture 2" descr="https://lh3.googleusercontent.com/Ai9oOPLhj8pmZaKRhkYJQfPfunZarNc4RPQelFfmPjLIXA2jVquyAHYVq1fQlS5zE7mNt9TEkYjVZru2ZkFkzSoSrSrXQefAE5khv19Q9bLbHvD6Tg3YHhLaVOyE0QYMeyzHiivxkkQhNpf9uipagm27X3-2y4Cg4SQx6QLfXu-k0jQ7RLrbXuEmL-8tA74BWfrNlv5skmUebONf9HO1CQXEYGTznx9df4Sb0WWakrlbgvUlK674FowyDHbE6MLCjCkATJ-AvKdvKWYM0XunXRwCyOOe9QOpYEpvduQGWfRw9IVBYkHE26kvo55czOhDb12uQdIp-tp9lro7wvsKiE0qz5JWAJPgm3aUUGSsAp5dCaWdVQHoxUqoKK4IkrKinPM6vPnW9HWOjHkR_XkuKMKfsf9fq24IBktu8p4UmQ-eWXlFZbhzABxBWJccJLjP9yxPyda1ctTgjP42mZZIwE262Dy-sUYd0trfskI1KEUySY3-wXxhhC89Wh_gJI5TDS0ob3jQOjdItNr1pgAH_dDF8yd72ejhdAzv4pXFy06t3aNkgdS4S7bjGGiVWkoH2FqGdPhZR-8wn8Q4uHkXjfwsZlQefNwvojDtNY_MnpGhyftWJssfN2QNRSdFoePF75aNEvlCgWAy6N1gHLUBfmeYNYFpiWx1ep2e7ytwN_5KVSPfvxx4ykmO=w1344-h1008-no"/>
                    <p:cNvPicPr>
                      <a:picLocks noChangeAspect="1" noChangeArrowheads="1"/>
                    </p:cNvPicPr>
                    <p:nvPr/>
                  </p:nvPicPr>
                  <p:blipFill rotWithShape="1">
                    <a:blip r:embed="rId2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20722" t="39239" r="12361" b="32224"/>
                    <a:stretch/>
                  </p:blipFill>
                  <p:spPr bwMode="auto">
                    <a:xfrm>
                      <a:off x="2314787" y="6242080"/>
                      <a:ext cx="2016225" cy="647343"/>
                    </a:xfrm>
                    <a:prstGeom prst="rect">
                      <a:avLst/>
                    </a:prstGeom>
                    <a:noFill/>
                    <a:extLst>
                      <a:ext uri="{909E8E84-426E-40DD-AFC4-6F175D3DCCD1}">
                        <a14:hiddenFill xmlns:a14="http://schemas.microsoft.com/office/drawing/2010/main">
                          <a:solidFill>
                            <a:srgbClr val="FFFFFF"/>
                          </a:solidFill>
                        </a14:hiddenFill>
                      </a:ext>
                    </a:extLst>
                  </p:spPr>
                </p:pic>
                <p:pic>
                  <p:nvPicPr>
                    <p:cNvPr id="14" name="Picture 6" descr="https://lh3.googleusercontent.com/tuW4eRCwnletv8yNFs05ch_HLoe81j4JhT-pZIZCP4hb66ENjK_5udidbm9QtFWoaqFMmCZbotM1s3vOhl7y2wJH9sWQIunBputZLRWhg_3uzEcXx-4Z86ScCOOhyoFWnYJJooTXMXaGDkFFmCNax0wEGv4gqPzJvnSyY7Q4DB0ns9aTrBc04FIGrT1Z2caZ2IrnPBhO5jhaJXuzZYUdRWJCVVBYVjWfpk9RtcSd1XQb1edjAOlSCcJZt04XT0Q9i2MX871bngtwMjOitN-Sgq4nqmiLfjGrNErCeOiDdnuxfVz1Sy2iHynfFUsU3PXw-q16NKOM3Ysnrgoyd_-s9oBX_g0KZPzuEqqYHWUxZrf5ewoPpWPdwMXt257ycFOfZxw3Llr_yN1EVJF-zUYxLnRB8kZK_5Dn4KtHOJJCKH4ziglAtqGwW_S8nwMWV5Aqh-5_ckWaHYLH5i87i7oI1jjVD1MzJkd_1aVV1x1sHTH_5zoUtqKbUMWvn9exhNdV8JsVAsSur8iyIJ-7hVR1bS9qxP2mvsrq9S3uXPkGdEkOkml4oS4Rb5qSDNwOqmMng-5NuztQ8cpqDl5wEhTm4teVJgsICupJVrDBUpbNzxR9I88chzApAbcACyBfVKaT8dQku_ea0Gc1p07RTY5lJkjQ2SkzkaJfNMj6fXf2N1Wh_KXMzfI_I6Vm=w1344-h1008-no"/>
                    <p:cNvPicPr>
                      <a:picLocks noChangeAspect="1" noChangeArrowheads="1"/>
                    </p:cNvPicPr>
                    <p:nvPr/>
                  </p:nvPicPr>
                  <p:blipFill rotWithShape="1">
                    <a:blip r:embed="rId3" cstate="print">
                      <a:extLst>
                        <a:ext uri="{28A0092B-C50C-407E-A947-70E740481C1C}">
                          <a14:useLocalDpi xmlns:a14="http://schemas.microsoft.com/office/drawing/2010/main" val="0"/>
                        </a:ext>
                      </a:extLst>
                    </a:blip>
                    <a:srcRect l="26556" t="65094" r="39511" b="17365"/>
                    <a:stretch/>
                  </p:blipFill>
                  <p:spPr bwMode="auto">
                    <a:xfrm>
                      <a:off x="2674828" y="5514280"/>
                      <a:ext cx="1656184" cy="648073"/>
                    </a:xfrm>
                    <a:prstGeom prst="rect">
                      <a:avLst/>
                    </a:prstGeom>
                    <a:noFill/>
                    <a:extLst>
                      <a:ext uri="{909E8E84-426E-40DD-AFC4-6F175D3DCCD1}">
                        <a14:hiddenFill xmlns:a14="http://schemas.microsoft.com/office/drawing/2010/main">
                          <a:solidFill>
                            <a:srgbClr val="FFFFFF"/>
                          </a:solidFill>
                        </a14:hiddenFill>
                      </a:ext>
                    </a:extLst>
                  </p:spPr>
                </p:pic>
              </p:grpSp>
              <p:pic>
                <p:nvPicPr>
                  <p:cNvPr id="12" name="Picture 2" descr="https://lh3.googleusercontent.com/PfdJhpHtsTGPcFFs7QOVYLG52nJcwPkf2Isi_bBxP4hFui9VMzrv4GSK5GKcMYqrINI1h5RhIb_6b5FpWi2ZgrFVQrgTmezNyl3mpqntrjYJXJoi0mz991sof_CCnI2kQq4KQPDIPJtH9xjTwfDONsFNPtGhTu1j5FvR_8XNGmGRAJlE_67XMUCZWIShKh6ireF6NDJSSlmobnqVy-wcwCblcZIA9QU678mSaeUwbSUuNC-hjgmqXuiIbFSu8K-nxVOwWXBSR8L1f3mmgrJr0S51chC0tVW-DfwIjGY2U43cVghGAaGdOTUmwlQhmMZFlG_DWIABhm3fSnL49IqOq_NUKVrk6MlCmTlOzHP802bXK6NfQpH8zBYmoe3nLUcEIPPj3ZkGA79qF8RzZLZKif10ZPNbL9ahDGfezdhTYQue11615REqvcqbhtv5vzRYbnVDGvYhEsxRG6hxYncmAKaaCugjm_0shJGkOrav1XFEfdj0SgwnvVJLcAG9aW94bC65lOLy3Kb5jbmkFnoIqBgrQYYJC949b-cjly94oo2OJOgpVitzQJWHKOWmsiOqo6RiQDhesEo3P8aZAdAwmzqEVO194xtvzEz2D7QQnPbxq1yUm1KZWae4eUR-XuG4KnW3QCw464yy_v7siGT2pxoaZkhYKL1VnFwCM6vcXWVUCFE70xiKiaCg=w793-h1057-no"/>
                  <p:cNvPicPr>
                    <a:picLocks noChangeAspect="1" noChangeArrowheads="1"/>
                  </p:cNvPicPr>
                  <p:nvPr/>
                </p:nvPicPr>
                <p:blipFill rotWithShape="1">
                  <a:blip r:embed="rId4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36055" t="19852" r="39690" b="25558"/>
                  <a:stretch/>
                </p:blipFill>
                <p:spPr bwMode="auto">
                  <a:xfrm rot="16200000">
                    <a:off x="10415689" y="2327207"/>
                    <a:ext cx="576062" cy="1728193"/>
                  </a:xfrm>
                  <a:prstGeom prst="rect">
                    <a:avLst/>
                  </a:prstGeom>
                  <a:noFill/>
                  <a:extLst>
                    <a:ext uri="{909E8E84-426E-40DD-AFC4-6F175D3DCCD1}">
                      <a14:hiddenFill xmlns:a14="http://schemas.microsoft.com/office/drawing/2010/main">
                        <a:solidFill>
                          <a:srgbClr val="FFFFFF"/>
                        </a:solidFill>
                      </a14:hiddenFill>
                    </a:ext>
                  </a:extLst>
                </p:spPr>
              </p:pic>
            </p:grpSp>
            <p:pic>
              <p:nvPicPr>
                <p:cNvPr id="1026" name="Picture 2" descr="https://lh3.googleusercontent.com/JQaD83F4z9DU2M-zicGjVJufVIyFBRnZ2kwqvNUw01-SKc1_4PL9CivitCAl9emuT5JC0lqzqPTRyQZ01VROhQzCcmPgP8mrNSfAd9D9XRzk8y8kYom3nb4SJ8zWmf8q3We4hN7YwAzWp7QqruX_S1eSBiA-3vvKbsoE9MBi7RRcE9JAFD1SsY0_gQCoFdVIeVMxFpQ_AEQlU7IEAS-vqq3SLr-PE3-hnVp29R4d8ABvjrCLpjRCMxQruiutjPFFu0y8Brhv4ExoywSg4PcCB_j4tk29RlSG_Gflzcy76AB9Kj8a4uU2N64XceejmvIHlPgNejQXbWlv5WYOVqVGkNmmV-USBBW_VXU-tue10w8OWvmxjc27TW8IhEcwcb410PaX1ZrvWY-GcquYDrY0rg-58RN7CZ9W4J-nl3_jLd0KpCXqk-Z9gVb_LTy2U_AclIZjGvFL_KFOOKHlRo8nRVUgzK0aEfAPdAQ4xNjJD1XQzZEOhlYUpXENq2EWEGSvvLMokKKIIJNPpU3GJAGhPgrSat7KlytLJKatgHQN857eh-vpxsZsfR1_OBEredzh0y-C2nEobS3280cIRJopbalnM4HyUj9lvk5uybXA8sBqMaBxbGqWKV_TvOnqGcpZtSA1E3NYXsMhzly1X6bbMibi21Ld_vNN514Dq0flFd4i0y-V3cc2vVZB=w1410-h1057-no"/>
                <p:cNvPicPr>
                  <a:picLocks noChangeAspect="1" noChangeArrowheads="1"/>
                </p:cNvPicPr>
                <p:nvPr/>
              </p:nvPicPr>
              <p:blipFill rotWithShape="1">
                <a:blip r:embed="rId5" cstate="print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24462" t="42391" r="25797" b="39131"/>
                <a:stretch/>
              </p:blipFill>
              <p:spPr bwMode="auto">
                <a:xfrm>
                  <a:off x="10206374" y="2514075"/>
                  <a:ext cx="1732675" cy="482877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</p:grpSp>
          <p:sp>
            <p:nvSpPr>
              <p:cNvPr id="19" name="Right Arrow 18"/>
              <p:cNvSpPr/>
              <p:nvPr/>
            </p:nvSpPr>
            <p:spPr bwMode="auto">
              <a:xfrm>
                <a:off x="10597896" y="3124473"/>
                <a:ext cx="978408" cy="170812"/>
              </a:xfrm>
              <a:prstGeom prst="rightArrow">
                <a:avLst>
                  <a:gd name="adj1" fmla="val 50000"/>
                  <a:gd name="adj2" fmla="val 96683"/>
                </a:avLst>
              </a:prstGeom>
              <a:solidFill>
                <a:srgbClr val="008737"/>
              </a:solidFill>
              <a:ln w="9525" cap="flat" cmpd="sng" algn="ctr">
                <a:solidFill>
                  <a:srgbClr val="008737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0000" tIns="396000" rIns="9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kumimoji="0" lang="en-US" b="0" i="0" u="none" strike="noStrike" cap="none" normalizeH="0" baseline="0" dirty="0" smtClean="0">
                    <a:ln>
                      <a:noFill/>
                    </a:ln>
                    <a:effectLst/>
                    <a:latin typeface="+mn-lt"/>
                    <a:ea typeface="ＭＳ Ｐゴシック" pitchFamily="-80" charset="-128"/>
                  </a:rPr>
                  <a:t>Fl</a:t>
                </a:r>
                <a:r>
                  <a:rPr kumimoji="0" lang="en-US" sz="1400" b="0" i="0" u="none" strike="noStrike" cap="none" normalizeH="0" baseline="0" dirty="0" smtClean="0">
                    <a:ln>
                      <a:noFill/>
                    </a:ln>
                    <a:effectLst/>
                    <a:latin typeface="+mn-lt"/>
                    <a:ea typeface="ＭＳ Ｐゴシック" pitchFamily="-80" charset="-128"/>
                  </a:rPr>
                  <a:t>ow</a:t>
                </a:r>
                <a:endParaRPr kumimoji="0" lang="en-US" sz="1200" b="0" i="0" u="none" strike="noStrike" cap="none" normalizeH="0" baseline="0" dirty="0" smtClean="0">
                  <a:ln>
                    <a:noFill/>
                  </a:ln>
                  <a:effectLst/>
                  <a:latin typeface="+mn-lt"/>
                  <a:ea typeface="ＭＳ Ｐゴシック" pitchFamily="-80" charset="-128"/>
                </a:endParaRPr>
              </a:p>
            </p:txBody>
          </p:sp>
        </p:grpSp>
        <p:grpSp>
          <p:nvGrpSpPr>
            <p:cNvPr id="30" name="Group 29"/>
            <p:cNvGrpSpPr/>
            <p:nvPr/>
          </p:nvGrpSpPr>
          <p:grpSpPr>
            <a:xfrm>
              <a:off x="9335566" y="820268"/>
              <a:ext cx="162254" cy="2190102"/>
              <a:chOff x="9335566" y="820268"/>
              <a:chExt cx="162254" cy="2190102"/>
            </a:xfrm>
          </p:grpSpPr>
          <p:sp>
            <p:nvSpPr>
              <p:cNvPr id="29" name="TextBox 28"/>
              <p:cNvSpPr txBox="1"/>
              <p:nvPr/>
            </p:nvSpPr>
            <p:spPr>
              <a:xfrm>
                <a:off x="9335566" y="820268"/>
                <a:ext cx="65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endParaRPr lang="en-US" b="1" dirty="0" smtClean="0">
                  <a:latin typeface="+mn-lt"/>
                </a:endParaRPr>
              </a:p>
            </p:txBody>
          </p:sp>
          <p:sp>
            <p:nvSpPr>
              <p:cNvPr id="31" name="TextBox 30"/>
              <p:cNvSpPr txBox="1"/>
              <p:nvPr/>
            </p:nvSpPr>
            <p:spPr>
              <a:xfrm>
                <a:off x="9335566" y="1555576"/>
                <a:ext cx="147476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b="1" dirty="0" smtClean="0">
                    <a:latin typeface="+mn-lt"/>
                  </a:rPr>
                  <a:t>A</a:t>
                </a:r>
              </a:p>
            </p:txBody>
          </p:sp>
          <p:sp>
            <p:nvSpPr>
              <p:cNvPr id="32" name="TextBox 31"/>
              <p:cNvSpPr txBox="1"/>
              <p:nvPr/>
            </p:nvSpPr>
            <p:spPr>
              <a:xfrm>
                <a:off x="9335566" y="2208142"/>
                <a:ext cx="147476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b="1" dirty="0">
                    <a:latin typeface="+mn-lt"/>
                  </a:rPr>
                  <a:t>B</a:t>
                </a:r>
                <a:endParaRPr lang="en-US" b="1" dirty="0" smtClean="0">
                  <a:latin typeface="+mn-lt"/>
                </a:endParaRPr>
              </a:p>
            </p:txBody>
          </p:sp>
          <p:sp>
            <p:nvSpPr>
              <p:cNvPr id="33" name="TextBox 32"/>
              <p:cNvSpPr txBox="1"/>
              <p:nvPr/>
            </p:nvSpPr>
            <p:spPr>
              <a:xfrm>
                <a:off x="9350344" y="2764149"/>
                <a:ext cx="147476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b="1" dirty="0">
                    <a:latin typeface="+mn-lt"/>
                  </a:rPr>
                  <a:t>C</a:t>
                </a:r>
                <a:endParaRPr lang="en-US" b="1" dirty="0" smtClean="0">
                  <a:latin typeface="+mn-lt"/>
                </a:endParaRPr>
              </a:p>
            </p:txBody>
          </p:sp>
        </p:grpSp>
      </p:grpSp>
      <p:grpSp>
        <p:nvGrpSpPr>
          <p:cNvPr id="46" name="Group 45"/>
          <p:cNvGrpSpPr/>
          <p:nvPr/>
        </p:nvGrpSpPr>
        <p:grpSpPr>
          <a:xfrm>
            <a:off x="550590" y="3710916"/>
            <a:ext cx="6747458" cy="2540990"/>
            <a:chOff x="5442955" y="3789040"/>
            <a:chExt cx="6747458" cy="2540990"/>
          </a:xfrm>
        </p:grpSpPr>
        <p:grpSp>
          <p:nvGrpSpPr>
            <p:cNvPr id="26" name="Group 25"/>
            <p:cNvGrpSpPr/>
            <p:nvPr/>
          </p:nvGrpSpPr>
          <p:grpSpPr>
            <a:xfrm>
              <a:off x="5442955" y="3789040"/>
              <a:ext cx="4742788" cy="2540990"/>
              <a:chOff x="5442955" y="3789040"/>
              <a:chExt cx="4742788" cy="2540990"/>
            </a:xfrm>
          </p:grpSpPr>
          <p:pic>
            <p:nvPicPr>
              <p:cNvPr id="15" name="Picture 4" descr="https://lh3.googleusercontent.com/Y2xBId4ZTZvBU6pTztO8MLtrLTZwh40MsfprLlBuPxQLVqfQcHTQRN6Osvk9zR5B2lzS974Lz8GFktd8VJ9PyMG5P18hJtIjUSDXyrioFu6OLIM7n5F4YpfVkvWyDU_83Pt7rt9EENbm5qPpJx2WQI5oQt2gKVAA_q3mTH_UpMGA7pAAJRCvM4Q1KCenW58hebHuqSPOWIVl1i6thYzAZZhtBIuvzLKXP3_P9L5eqb7LkRXT_PP_7bftxE1i3SHfofy6mGN9WcQwh94Lvo5c6srnVPxydKhKEY_0hON9j6EYCPMRqQq3tXG09hmtulvjDfEi4LP3OlQWLLQwirLg64lmadDVICCt2qPdsSF5dfGAZkaaaAkx1YxhEAFNc0L-O5Bsaq6z_whoakYTzGuqhCHzOiPSfUoURF88PT9DONDvyBWy6oHPIvTZguq05QIFmkQrbbCm0BWfIjbosd7VhR37h44yRgt1KAqoEquJ8jd0mLevXzrv9BplGO8bRepk8tj7_9Lv8YmIcvxadC27TTz-d5dn41ofzwbkTkg7EIJ1LhJtKQFEmFyYGmReUK55imfBfKE7w4v2US1N1963N8wxP80wQM42742S_6o8sEYFqqUdOLzHqNuRwYFyRCbvh7TzCrYqxB2VBWlfLFd-bMYZmFKk-XmDhrSh1QkV0IskuNNb0lkEpb4E=w1410-h1057-no"/>
              <p:cNvPicPr>
                <a:picLocks noChangeAspect="1" noChangeArrowheads="1"/>
              </p:cNvPicPr>
              <p:nvPr/>
            </p:nvPicPr>
            <p:blipFill>
              <a:blip r:embed="rId6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6798558" y="3789040"/>
                <a:ext cx="3387185" cy="2540990"/>
              </a:xfrm>
              <a:prstGeom prst="rect">
                <a:avLst/>
              </a:prstGeom>
              <a:solidFill>
                <a:schemeClr val="tx1"/>
              </a:solidFill>
              <a:ln w="25400">
                <a:solidFill>
                  <a:schemeClr val="tx1"/>
                </a:solidFill>
              </a:ln>
              <a:extLst/>
            </p:spPr>
          </p:pic>
          <p:grpSp>
            <p:nvGrpSpPr>
              <p:cNvPr id="25" name="Group 24"/>
              <p:cNvGrpSpPr/>
              <p:nvPr/>
            </p:nvGrpSpPr>
            <p:grpSpPr>
              <a:xfrm>
                <a:off x="5442955" y="4879515"/>
                <a:ext cx="1355603" cy="360040"/>
                <a:chOff x="5442955" y="4879515"/>
                <a:chExt cx="1355603" cy="360040"/>
              </a:xfrm>
            </p:grpSpPr>
            <p:sp>
              <p:nvSpPr>
                <p:cNvPr id="21" name="Rectangle 20"/>
                <p:cNvSpPr/>
                <p:nvPr/>
              </p:nvSpPr>
              <p:spPr bwMode="auto">
                <a:xfrm>
                  <a:off x="5442955" y="4879515"/>
                  <a:ext cx="576064" cy="360040"/>
                </a:xfrm>
                <a:prstGeom prst="rect">
                  <a:avLst/>
                </a:prstGeom>
                <a:ln>
                  <a:headEnd type="none" w="med" len="med"/>
                  <a:tailEnd type="none" w="med" len="med"/>
                </a:ln>
              </p:spPr>
              <p:style>
                <a:lnRef idx="2">
                  <a:schemeClr val="dk1"/>
                </a:lnRef>
                <a:fillRef idx="1">
                  <a:schemeClr val="lt1"/>
                </a:fillRef>
                <a:effectRef idx="0">
                  <a:schemeClr val="dk1"/>
                </a:effectRef>
                <a:fontRef idx="minor">
                  <a:schemeClr val="dk1"/>
                </a:fontRef>
              </p:style>
              <p:txBody>
                <a:bodyPr rot="0" spcFirstLastPara="0" vertOverflow="overflow" horzOverflow="overflow" vert="horz" wrap="none" lIns="180000" tIns="46800" rIns="180000" bIns="4680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marL="0" marR="0" indent="0" algn="ctr" defTabSz="914400" rtl="0" eaLnBrk="1" fontAlgn="base" latinLnBrk="0" hangingPunct="1">
                    <a:lnSpc>
                      <a:spcPct val="100000"/>
                    </a:lnSpc>
                    <a:spcBef>
                      <a:spcPts val="432"/>
                    </a:spcBef>
                    <a:spcAft>
                      <a:spcPct val="0"/>
                    </a:spcAft>
                    <a:buClrTx/>
                    <a:buSzTx/>
                    <a:buFontTx/>
                    <a:buNone/>
                    <a:tabLst/>
                  </a:pPr>
                  <a:r>
                    <a:rPr kumimoji="0" lang="en-US" sz="1600" b="0" i="0" u="none" strike="noStrike" cap="none" normalizeH="0" baseline="0" dirty="0" smtClean="0">
                      <a:ln>
                        <a:noFill/>
                      </a:ln>
                      <a:solidFill>
                        <a:schemeClr val="tx1"/>
                      </a:solidFill>
                      <a:effectLst/>
                      <a:latin typeface="+mn-lt"/>
                      <a:ea typeface="ＭＳ Ｐゴシック" pitchFamily="-80" charset="-128"/>
                    </a:rPr>
                    <a:t>Gas</a:t>
                  </a:r>
                </a:p>
              </p:txBody>
            </p:sp>
            <p:cxnSp>
              <p:nvCxnSpPr>
                <p:cNvPr id="23" name="Straight Connector 22"/>
                <p:cNvCxnSpPr>
                  <a:endCxn id="15" idx="1"/>
                </p:cNvCxnSpPr>
                <p:nvPr/>
              </p:nvCxnSpPr>
              <p:spPr bwMode="auto">
                <a:xfrm>
                  <a:off x="6019019" y="5059535"/>
                  <a:ext cx="779539" cy="0"/>
                </a:xfrm>
                <a:prstGeom prst="line">
                  <a:avLst/>
                </a:prstGeom>
                <a:solidFill>
                  <a:schemeClr val="accent1"/>
                </a:solidFill>
                <a:ln w="28575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</p:cxnSp>
          </p:grpSp>
        </p:grpSp>
        <p:grpSp>
          <p:nvGrpSpPr>
            <p:cNvPr id="45" name="Group 44"/>
            <p:cNvGrpSpPr/>
            <p:nvPr/>
          </p:nvGrpSpPr>
          <p:grpSpPr>
            <a:xfrm>
              <a:off x="10185743" y="4106419"/>
              <a:ext cx="2004670" cy="1859084"/>
              <a:chOff x="10185743" y="4106419"/>
              <a:chExt cx="2004670" cy="1859084"/>
            </a:xfrm>
          </p:grpSpPr>
          <p:cxnSp>
            <p:nvCxnSpPr>
              <p:cNvPr id="28" name="Straight Connector 27"/>
              <p:cNvCxnSpPr/>
              <p:nvPr/>
            </p:nvCxnSpPr>
            <p:spPr bwMode="auto">
              <a:xfrm flipV="1">
                <a:off x="10185743" y="5059535"/>
                <a:ext cx="1238055" cy="10675"/>
              </a:xfrm>
              <a:prstGeom prst="line">
                <a:avLst/>
              </a:prstGeom>
              <a:solidFill>
                <a:schemeClr val="accent1"/>
              </a:solidFill>
              <a:ln w="2857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36" name="Rectangle 35"/>
              <p:cNvSpPr/>
              <p:nvPr/>
            </p:nvSpPr>
            <p:spPr bwMode="auto">
              <a:xfrm>
                <a:off x="10744793" y="5605463"/>
                <a:ext cx="1445620" cy="360040"/>
              </a:xfrm>
              <a:prstGeom prst="rect">
                <a:avLst/>
              </a:prstGeom>
              <a:ln>
                <a:headEnd type="none" w="med" len="med"/>
                <a:tailEnd type="none" w="med" len="med"/>
              </a:ln>
            </p:spPr>
            <p:style>
              <a:lnRef idx="2">
                <a:schemeClr val="dk1"/>
              </a:lnRef>
              <a:fillRef idx="1">
                <a:schemeClr val="lt1"/>
              </a:fillRef>
              <a:effectRef idx="0">
                <a:schemeClr val="dk1"/>
              </a:effectRef>
              <a:fontRef idx="minor">
                <a:schemeClr val="dk1"/>
              </a:fontRef>
            </p:style>
            <p:txBody>
              <a:bodyPr rot="0" spcFirstLastPara="0" vertOverflow="overflow" horzOverflow="overflow" vert="horz" wrap="none" lIns="180000" tIns="46800" rIns="18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US" dirty="0" smtClean="0">
                    <a:solidFill>
                      <a:schemeClr val="tx1"/>
                    </a:solidFill>
                    <a:ea typeface="ＭＳ Ｐゴシック" pitchFamily="-80" charset="-128"/>
                  </a:rPr>
                  <a:t>Vacuum pump</a:t>
                </a:r>
                <a:endParaRPr kumimoji="0" lang="en-US" sz="1600" b="0" i="0" u="none" strike="noStrike" cap="none" normalizeH="0" baseline="0" dirty="0" smtClean="0">
                  <a:ln>
                    <a:noFill/>
                  </a:ln>
                  <a:solidFill>
                    <a:schemeClr val="tx1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37" name="Rectangle 36"/>
              <p:cNvSpPr/>
              <p:nvPr/>
            </p:nvSpPr>
            <p:spPr bwMode="auto">
              <a:xfrm>
                <a:off x="10700988" y="4106419"/>
                <a:ext cx="1445620" cy="360040"/>
              </a:xfrm>
              <a:prstGeom prst="rect">
                <a:avLst/>
              </a:prstGeom>
              <a:ln>
                <a:headEnd type="none" w="med" len="med"/>
                <a:tailEnd type="none" w="med" len="med"/>
              </a:ln>
            </p:spPr>
            <p:style>
              <a:lnRef idx="2">
                <a:schemeClr val="dk1"/>
              </a:lnRef>
              <a:fillRef idx="1">
                <a:schemeClr val="lt1"/>
              </a:fillRef>
              <a:effectRef idx="0">
                <a:schemeClr val="dk1"/>
              </a:effectRef>
              <a:fontRef idx="minor">
                <a:schemeClr val="dk1"/>
              </a:fontRef>
            </p:style>
            <p:txBody>
              <a:bodyPr rot="0" spcFirstLastPara="0" vertOverflow="overflow" horzOverflow="overflow" vert="horz" wrap="none" lIns="180000" tIns="46800" rIns="18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lang="en-US" dirty="0" smtClean="0">
                    <a:solidFill>
                      <a:schemeClr val="tx1"/>
                    </a:solidFill>
                    <a:ea typeface="ＭＳ Ｐゴシック" pitchFamily="-80" charset="-128"/>
                  </a:rPr>
                  <a:t>Exhaust</a:t>
                </a:r>
                <a:endParaRPr kumimoji="0" lang="en-US" sz="1600" b="0" i="0" u="none" strike="noStrike" cap="none" normalizeH="0" baseline="0" dirty="0" smtClean="0">
                  <a:ln>
                    <a:noFill/>
                  </a:ln>
                  <a:solidFill>
                    <a:schemeClr val="tx1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grpSp>
            <p:nvGrpSpPr>
              <p:cNvPr id="43" name="Group 42"/>
              <p:cNvGrpSpPr/>
              <p:nvPr/>
            </p:nvGrpSpPr>
            <p:grpSpPr>
              <a:xfrm>
                <a:off x="11423798" y="4472191"/>
                <a:ext cx="0" cy="1133272"/>
                <a:chOff x="11423798" y="4472191"/>
                <a:chExt cx="0" cy="1133272"/>
              </a:xfrm>
            </p:grpSpPr>
            <p:cxnSp>
              <p:nvCxnSpPr>
                <p:cNvPr id="35" name="Straight Connector 34"/>
                <p:cNvCxnSpPr/>
                <p:nvPr/>
              </p:nvCxnSpPr>
              <p:spPr bwMode="auto">
                <a:xfrm flipV="1">
                  <a:off x="11423798" y="4472191"/>
                  <a:ext cx="0" cy="592287"/>
                </a:xfrm>
                <a:prstGeom prst="line">
                  <a:avLst/>
                </a:prstGeom>
                <a:solidFill>
                  <a:schemeClr val="accent1"/>
                </a:solidFill>
                <a:ln w="28575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</p:cxnSp>
            <p:cxnSp>
              <p:nvCxnSpPr>
                <p:cNvPr id="44" name="Straight Connector 43"/>
                <p:cNvCxnSpPr/>
                <p:nvPr/>
              </p:nvCxnSpPr>
              <p:spPr bwMode="auto">
                <a:xfrm flipV="1">
                  <a:off x="11423798" y="5013176"/>
                  <a:ext cx="0" cy="592287"/>
                </a:xfrm>
                <a:prstGeom prst="line">
                  <a:avLst/>
                </a:prstGeom>
                <a:solidFill>
                  <a:schemeClr val="accent1"/>
                </a:solidFill>
                <a:ln w="28575" cap="flat" cmpd="sng" algn="ctr">
                  <a:solidFill>
                    <a:schemeClr val="tx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</p:cxnSp>
          </p:grpSp>
        </p:grpSp>
      </p:grpSp>
      <p:sp>
        <p:nvSpPr>
          <p:cNvPr id="56" name="Right Arrow 55"/>
          <p:cNvSpPr/>
          <p:nvPr/>
        </p:nvSpPr>
        <p:spPr bwMode="auto">
          <a:xfrm rot="21043017">
            <a:off x="8155287" y="1183769"/>
            <a:ext cx="1203509" cy="157468"/>
          </a:xfrm>
          <a:prstGeom prst="rightArrow">
            <a:avLst>
              <a:gd name="adj1" fmla="val 40926"/>
              <a:gd name="adj2" fmla="val 96683"/>
            </a:avLst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050" dirty="0" smtClean="0">
                <a:latin typeface="+mn-lt"/>
              </a:rPr>
              <a:t>Lateral gradient in </a:t>
            </a:r>
            <a:r>
              <a:rPr lang="en-US" sz="1050" dirty="0" err="1" smtClean="0">
                <a:latin typeface="+mn-lt"/>
              </a:rPr>
              <a:t>Pd:Zn</a:t>
            </a:r>
            <a:r>
              <a:rPr lang="en-US" sz="1050" dirty="0" smtClean="0">
                <a:latin typeface="+mn-lt"/>
              </a:rPr>
              <a:t> </a:t>
            </a:r>
            <a:endParaRPr kumimoji="0" lang="en-US" sz="1050" b="0" i="0" u="none" strike="noStrike" cap="none" normalizeH="0" baseline="0" dirty="0" smtClean="0">
              <a:ln>
                <a:noFill/>
              </a:ln>
              <a:effectLst/>
              <a:latin typeface="+mn-lt"/>
            </a:endParaRPr>
          </a:p>
        </p:txBody>
      </p:sp>
      <p:sp>
        <p:nvSpPr>
          <p:cNvPr id="58" name="Right Arrow 57"/>
          <p:cNvSpPr/>
          <p:nvPr/>
        </p:nvSpPr>
        <p:spPr bwMode="auto">
          <a:xfrm rot="310658">
            <a:off x="8080055" y="2244151"/>
            <a:ext cx="1203509" cy="157468"/>
          </a:xfrm>
          <a:prstGeom prst="rightArrow">
            <a:avLst>
              <a:gd name="adj1" fmla="val 40926"/>
              <a:gd name="adj2" fmla="val 96683"/>
            </a:avLst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050" dirty="0" smtClean="0">
                <a:latin typeface="+mn-lt"/>
              </a:rPr>
              <a:t>Slow Zn deposition</a:t>
            </a:r>
            <a:endParaRPr kumimoji="0" lang="en-US" sz="1050" b="0" i="0" u="none" strike="noStrike" cap="none" normalizeH="0" baseline="0" dirty="0" smtClean="0">
              <a:ln>
                <a:noFill/>
              </a:ln>
              <a:effectLst/>
              <a:latin typeface="+mn-lt"/>
            </a:endParaRPr>
          </a:p>
        </p:txBody>
      </p:sp>
      <p:sp>
        <p:nvSpPr>
          <p:cNvPr id="59" name="Right Arrow 58"/>
          <p:cNvSpPr/>
          <p:nvPr/>
        </p:nvSpPr>
        <p:spPr bwMode="auto">
          <a:xfrm rot="1455173">
            <a:off x="8116118" y="3460499"/>
            <a:ext cx="1203509" cy="157468"/>
          </a:xfrm>
          <a:prstGeom prst="rightArrow">
            <a:avLst>
              <a:gd name="adj1" fmla="val 40926"/>
              <a:gd name="adj2" fmla="val 96683"/>
            </a:avLst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1050" dirty="0" smtClean="0">
                <a:latin typeface="+mn-lt"/>
              </a:rPr>
              <a:t>Lateral gradient in </a:t>
            </a:r>
            <a:r>
              <a:rPr lang="en-US" sz="1050" dirty="0" err="1" smtClean="0">
                <a:latin typeface="+mn-lt"/>
              </a:rPr>
              <a:t>Pd:Zn</a:t>
            </a:r>
            <a:endParaRPr kumimoji="0" lang="en-US" sz="1050" b="0" i="0" u="none" strike="noStrike" cap="none" normalizeH="0" baseline="0" dirty="0" smtClean="0">
              <a:ln>
                <a:noFill/>
              </a:ln>
              <a:effectLst/>
              <a:latin typeface="+mn-lt"/>
            </a:endParaRPr>
          </a:p>
        </p:txBody>
      </p:sp>
      <p:grpSp>
        <p:nvGrpSpPr>
          <p:cNvPr id="2" name="Group 1"/>
          <p:cNvGrpSpPr/>
          <p:nvPr/>
        </p:nvGrpSpPr>
        <p:grpSpPr>
          <a:xfrm>
            <a:off x="9489395" y="392757"/>
            <a:ext cx="2057505" cy="4275640"/>
            <a:chOff x="9489395" y="392757"/>
            <a:chExt cx="2057505" cy="4275640"/>
          </a:xfrm>
        </p:grpSpPr>
        <p:grpSp>
          <p:nvGrpSpPr>
            <p:cNvPr id="48" name="Group 47"/>
            <p:cNvGrpSpPr/>
            <p:nvPr/>
          </p:nvGrpSpPr>
          <p:grpSpPr>
            <a:xfrm>
              <a:off x="9489395" y="392757"/>
              <a:ext cx="2057505" cy="2855862"/>
              <a:chOff x="10140284" y="-1261320"/>
              <a:chExt cx="1804849" cy="2505169"/>
            </a:xfrm>
          </p:grpSpPr>
          <p:pic>
            <p:nvPicPr>
              <p:cNvPr id="49" name="Picture 2" descr="https://lh3.googleusercontent.com/k6ihYAVuRqomWUdS-IcaN15ai5ftE-wBZOQBK_rdc35sL13CfpOtAOEGgAtz3FEeolxKkQRhEgwEsFpQZveQbzW9giMv7mCa2-rn2n9aHXpSSjLER3gFqyffLpefiYosI95fCJKVjw2pte3ZinkVZMLHKfeHYOWDek7Gnho5cIrPAp78Z5y6U_wuCbd1Z-Y8M9--5LaTPY2SyBminsF6H8PLWsFyykz3u91cVPBd2Vfi7eLAokNJ8KH52s3CyI_lgQaJVNYa-Awj8Ds19V7s2csiqr0YAVai220FZ0ropy-5PNikqa0iiOaqxJRi5tDmzOcLjtnD0dnLIwxIokLMW8QMlXi2ZBB7mNcnBctVr_66YJwZMcDk54xWjHSiLsg5Zks-i6jk90qtF8YMNd2o2ElwQNxDAW-K1KH1eSL5s34kA-QwBMF0UhN8rRPVrOY08Ly9kZ-c059bEplbQFrOkCzYl_jSR30MB_QF2DMljAZP5qKIiNA5BuMAqQTWIjeEXzDipLjnjdINfSgEq_ziGTk112eCntbCYbJB-tdtRzpy7sNDvyGeWgY0itAnJz6hqdxrKs9DkMD7npa2fq7o9BADvWGqqsLD_5ERhIs5GcRwD4DJ0WBS5DWyNx-OPbjUicGXZMNmyOIa_81S9FmAc8KrXV48bfXgrjoTcfuIsPuCdl1goMDpRjKy=w1410-h1057-no"/>
              <p:cNvPicPr>
                <a:picLocks noChangeAspect="1" noChangeArrowheads="1"/>
              </p:cNvPicPr>
              <p:nvPr/>
            </p:nvPicPr>
            <p:blipFill rotWithShape="1">
              <a:blip r:embed="rId7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29670" t="26384" r="34308" b="43890"/>
              <a:stretch/>
            </p:blipFill>
            <p:spPr bwMode="auto">
              <a:xfrm>
                <a:off x="10140284" y="126561"/>
                <a:ext cx="1804849" cy="1117288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50" name="Picture 2" descr="https://lh3.googleusercontent.com/MUheiE-DHn6K2ZVyYI9gohtSPfllFYWjKRAgYSVgbSNRnsTQubKGR0r3cN0UcH1OCPRyadkMLloJUuSbdmVQaYK8-0oAZMSkjeitex6K5HHWQL_Ux6xIcD9N5ctNuvAqEOJz1R2M5tmTUlBUx309Rhub48-XDU2lCyVPr_F82oxA8uGCMN2qBDbZMsst9eZlBNuZsjAJ99HqrCc4PgDbI3GNNp9T3-U6eOjYgnwWaLZNr7BEnHS0WMeRJZT986R59Dcs-0k5cjJbbJnHUIL9JwJL8VaOZvS-z0fZXZpGrVx4bfWc5a-0oSwK8iwyDOLpHl-REHrT5gJjIk6z_V907XFKfcvMTAUBEt2TPJ4ugplZhWbxRXA9qq-1vdVggUoIFMSOxMsqeHgeI7fr9O5nQJksq4jR1dqUxhx2aBtcSOIYjW1H1GTIDFKUrg2-rZi0Fhi8ltCInh0TuTXItj5YpeUW1vT-Gc3J-DI4ru9Yt9HhWUkt1Nh1DU0NfWNAPORuHZlUbThgYDNOdRaFFDXJDcO9nxYlaV9ZC0PT6iJ1TAVOPvK4Fnt8uob7huy0Yo-soakebcFiGSfEXW9EuNvKLeSBZF76j9opRV2FcHSeSTzKgxWe-uccLgRSssfVujle5jBig_BHpn2hV_tVAlVpnOUZD70dQ6XFiT0EsfBCWJHlGzYlgZ94RGws=w793-h1057-no"/>
              <p:cNvPicPr>
                <a:picLocks noChangeAspect="1" noChangeArrowheads="1"/>
              </p:cNvPicPr>
              <p:nvPr/>
            </p:nvPicPr>
            <p:blipFill rotWithShape="1">
              <a:blip r:embed="rId8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28523" t="32990" r="17533" b="37577"/>
              <a:stretch/>
            </p:blipFill>
            <p:spPr bwMode="auto">
              <a:xfrm>
                <a:off x="10140284" y="-1261320"/>
                <a:ext cx="1792161" cy="1303392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pic>
          <p:nvPicPr>
            <p:cNvPr id="41" name="Picture 2" descr="https://lh3.googleusercontent.com/da7wML0VVSaqvrYBeRJYi6AE5ycRkBcI2Tps0MKh4UVvTbZ-uTNHA_C3bEY3it1EidbdVien7Z5GFxl0g26TVnnRYMNXIdeGkJDlCo-twgYzjp7UWF6eouYYqeK2IKrmK2VYogCm4RpgogaWz1XufWTdJ2JktIIijRwmoZgRZu6Ui2NtV3-Kh8NrZ5Mz6LvuNdeV7CRPtgmdF38QBSbL1_0AVWXM2tluHO7B1YIaIB0WAT4tdWzrOgLR6ELu3F86hQgaZXXFAQO5ZXycvrA-71tEZX2kRbCQflOG2SOBP-awKP3WL6SDDJxh75d3jy3dSJKdtiGwbVZ3uS6UDRk2fnqcwbTObUmWoO4pqoj1GO_N5tmP38odQbq7Xg3hjuQ_fR5YS1ySXD0UUoOt4j2tPRJANoi-re_BqBjUaYNSH3Lnz9gbkPcmYtMSvv425ZnaBo7B_HiVx1qarMNpCiPnWdRN-poOLaYSKFtN-kkAlqdNhW0g9rorv3n9QT8eIbq8k50B0CuMtLimG89e8yijGxhXGMS8iLp5WnqRxhNIO-rJ2hChn8j5q5WkL15m45kB6sGhX5i7vUSViJR3fp_TqNRy0GKfvfXMMRxP02zzRr5lsLg4ocBOmeqeTJLso8KVP2f5uECZZsAR8Qov8mCTeKW0TpA2c-cLyn734ltCrj_91e4yDrZrnVD9=w793-h1057-no"/>
            <p:cNvPicPr>
              <a:picLocks noChangeAspect="1" noChangeArrowheads="1"/>
            </p:cNvPicPr>
            <p:nvPr/>
          </p:nvPicPr>
          <p:blipFill rotWithShape="1">
            <a:blip r:embed="rId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172" t="37006" r="12841" b="23149"/>
            <a:stretch/>
          </p:blipFill>
          <p:spPr bwMode="auto">
            <a:xfrm>
              <a:off x="9496626" y="3344935"/>
              <a:ext cx="2043041" cy="132346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</p:spTree>
    <p:extLst>
      <p:ext uri="{BB962C8B-B14F-4D97-AF65-F5344CB8AC3E}">
        <p14:creationId xmlns:p14="http://schemas.microsoft.com/office/powerpoint/2010/main" val="300366395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Sampl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838622" y="1744153"/>
            <a:ext cx="3168352" cy="4507753"/>
          </a:xfrm>
        </p:spPr>
        <p:txBody>
          <a:bodyPr/>
          <a:lstStyle/>
          <a:p>
            <a:pPr marL="0" indent="0">
              <a:buNone/>
            </a:pPr>
            <a:r>
              <a:rPr lang="en-US" dirty="0" smtClean="0"/>
              <a:t>Gas flow</a:t>
            </a:r>
          </a:p>
          <a:p>
            <a:r>
              <a:rPr lang="en-US" dirty="0" smtClean="0"/>
              <a:t>100 ml/min </a:t>
            </a:r>
          </a:p>
          <a:p>
            <a:r>
              <a:rPr lang="en-US" dirty="0" smtClean="0"/>
              <a:t>16/84 </a:t>
            </a:r>
            <a:r>
              <a:rPr lang="en-US" dirty="0" err="1" smtClean="0"/>
              <a:t>vol</a:t>
            </a:r>
            <a:r>
              <a:rPr lang="en-US" dirty="0" smtClean="0"/>
              <a:t>% H₂/</a:t>
            </a:r>
            <a:r>
              <a:rPr lang="en-US" dirty="0" err="1" smtClean="0"/>
              <a:t>Ar</a:t>
            </a:r>
            <a:endParaRPr lang="en-US" dirty="0" smtClean="0"/>
          </a:p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smtClean="0"/>
              <a:t>Experimental Procedure</a:t>
            </a:r>
            <a:endParaRPr lang="en-US" dirty="0"/>
          </a:p>
        </p:txBody>
      </p:sp>
      <p:graphicFrame>
        <p:nvGraphicFramePr>
          <p:cNvPr id="7" name="Table 6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44948382"/>
              </p:ext>
            </p:extLst>
          </p:nvPr>
        </p:nvGraphicFramePr>
        <p:xfrm>
          <a:off x="3070870" y="2505022"/>
          <a:ext cx="6346750" cy="3539930"/>
        </p:xfrm>
        <a:graphic>
          <a:graphicData uri="http://schemas.openxmlformats.org/drawingml/2006/table">
            <a:tbl>
              <a:tblPr firstRow="1">
                <a:tableStyleId>{9D7B26C5-4107-4FEC-AEDC-1716B250A1EF}</a:tableStyleId>
              </a:tblPr>
              <a:tblGrid>
                <a:gridCol w="1269350">
                  <a:extLst>
                    <a:ext uri="{9D8B030D-6E8A-4147-A177-3AD203B41FA5}">
                      <a16:colId xmlns:a16="http://schemas.microsoft.com/office/drawing/2014/main" val="2891665034"/>
                    </a:ext>
                  </a:extLst>
                </a:gridCol>
                <a:gridCol w="1269350">
                  <a:extLst>
                    <a:ext uri="{9D8B030D-6E8A-4147-A177-3AD203B41FA5}">
                      <a16:colId xmlns:a16="http://schemas.microsoft.com/office/drawing/2014/main" val="3913409757"/>
                    </a:ext>
                  </a:extLst>
                </a:gridCol>
                <a:gridCol w="1269350">
                  <a:extLst>
                    <a:ext uri="{9D8B030D-6E8A-4147-A177-3AD203B41FA5}">
                      <a16:colId xmlns:a16="http://schemas.microsoft.com/office/drawing/2014/main" val="2558280964"/>
                    </a:ext>
                  </a:extLst>
                </a:gridCol>
                <a:gridCol w="1269350">
                  <a:extLst>
                    <a:ext uri="{9D8B030D-6E8A-4147-A177-3AD203B41FA5}">
                      <a16:colId xmlns:a16="http://schemas.microsoft.com/office/drawing/2014/main" val="907290039"/>
                    </a:ext>
                  </a:extLst>
                </a:gridCol>
                <a:gridCol w="1269350">
                  <a:extLst>
                    <a:ext uri="{9D8B030D-6E8A-4147-A177-3AD203B41FA5}">
                      <a16:colId xmlns:a16="http://schemas.microsoft.com/office/drawing/2014/main" val="2007164326"/>
                    </a:ext>
                  </a:extLst>
                </a:gridCol>
              </a:tblGrid>
              <a:tr h="954411">
                <a:tc>
                  <a:txBody>
                    <a:bodyPr/>
                    <a:lstStyle/>
                    <a:p>
                      <a:r>
                        <a:rPr lang="en-US" sz="1400" dirty="0" smtClean="0"/>
                        <a:t>Sample</a:t>
                      </a:r>
                      <a:endParaRPr lang="en-US" sz="14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 smtClean="0"/>
                        <a:t>Annealin</a:t>
                      </a:r>
                      <a:r>
                        <a:rPr lang="en-US" sz="1400" baseline="0" dirty="0" smtClean="0"/>
                        <a:t>g temperature (° C /K)</a:t>
                      </a:r>
                      <a:endParaRPr lang="en-US" sz="14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 smtClean="0"/>
                        <a:t>Total time at annealing temperature (min)</a:t>
                      </a:r>
                      <a:endParaRPr lang="en-US" sz="14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 smtClean="0"/>
                        <a:t>Annealing</a:t>
                      </a:r>
                      <a:r>
                        <a:rPr lang="en-US" sz="1400" baseline="0" dirty="0" smtClean="0"/>
                        <a:t> time with no flow</a:t>
                      </a:r>
                      <a:endParaRPr lang="en-US" sz="14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 err="1" smtClean="0"/>
                        <a:t>Configu</a:t>
                      </a:r>
                      <a:r>
                        <a:rPr lang="en-US" sz="1400" dirty="0" smtClean="0"/>
                        <a:t>-ration</a:t>
                      </a:r>
                      <a:endParaRPr lang="en-US" sz="1400" dirty="0"/>
                    </a:p>
                  </a:txBody>
                  <a:tcPr marL="106046" marR="106046" marT="53023" marB="53023"/>
                </a:tc>
                <a:extLst>
                  <a:ext uri="{0D108BD9-81ED-4DB2-BD59-A6C34878D82A}">
                    <a16:rowId xmlns:a16="http://schemas.microsoft.com/office/drawing/2014/main" val="1292060140"/>
                  </a:ext>
                </a:extLst>
              </a:tr>
              <a:tr h="430074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#1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600 (873)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60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-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A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extLst>
                  <a:ext uri="{0D108BD9-81ED-4DB2-BD59-A6C34878D82A}">
                    <a16:rowId xmlns:a16="http://schemas.microsoft.com/office/drawing/2014/main" val="2905971928"/>
                  </a:ext>
                </a:extLst>
              </a:tr>
              <a:tr h="430074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#2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250 (523)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60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-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B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extLst>
                  <a:ext uri="{0D108BD9-81ED-4DB2-BD59-A6C34878D82A}">
                    <a16:rowId xmlns:a16="http://schemas.microsoft.com/office/drawing/2014/main" val="2963039030"/>
                  </a:ext>
                </a:extLst>
              </a:tr>
              <a:tr h="430074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#3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350 (623)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60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-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B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extLst>
                  <a:ext uri="{0D108BD9-81ED-4DB2-BD59-A6C34878D82A}">
                    <a16:rowId xmlns:a16="http://schemas.microsoft.com/office/drawing/2014/main" val="4052301486"/>
                  </a:ext>
                </a:extLst>
              </a:tr>
              <a:tr h="430074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#4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dirty="0" smtClean="0"/>
                        <a:t>350 (623)</a:t>
                      </a:r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120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-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B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extLst>
                  <a:ext uri="{0D108BD9-81ED-4DB2-BD59-A6C34878D82A}">
                    <a16:rowId xmlns:a16="http://schemas.microsoft.com/office/drawing/2014/main" val="2869997000"/>
                  </a:ext>
                </a:extLst>
              </a:tr>
              <a:tr h="430074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#5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dirty="0" smtClean="0"/>
                        <a:t>350 (623)</a:t>
                      </a:r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120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60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C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extLst>
                  <a:ext uri="{0D108BD9-81ED-4DB2-BD59-A6C34878D82A}">
                    <a16:rowId xmlns:a16="http://schemas.microsoft.com/office/drawing/2014/main" val="2436468722"/>
                  </a:ext>
                </a:extLst>
              </a:tr>
              <a:tr h="430074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#6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dirty="0" smtClean="0"/>
                        <a:t>450</a:t>
                      </a:r>
                      <a:r>
                        <a:rPr lang="en-US" sz="1600" baseline="0" dirty="0" smtClean="0"/>
                        <a:t> (723)</a:t>
                      </a:r>
                      <a:endParaRPr lang="en-US" sz="1600" dirty="0" smtClean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120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60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 smtClean="0"/>
                        <a:t>C</a:t>
                      </a:r>
                      <a:endParaRPr lang="en-US" sz="1600" dirty="0"/>
                    </a:p>
                  </a:txBody>
                  <a:tcPr marL="106046" marR="106046" marT="53023" marB="53023"/>
                </a:tc>
                <a:extLst>
                  <a:ext uri="{0D108BD9-81ED-4DB2-BD59-A6C34878D82A}">
                    <a16:rowId xmlns:a16="http://schemas.microsoft.com/office/drawing/2014/main" val="561661152"/>
                  </a:ext>
                </a:extLst>
              </a:tr>
            </a:tbl>
          </a:graphicData>
        </a:graphic>
      </p:graphicFrame>
      <p:grpSp>
        <p:nvGrpSpPr>
          <p:cNvPr id="8" name="Group 7"/>
          <p:cNvGrpSpPr/>
          <p:nvPr/>
        </p:nvGrpSpPr>
        <p:grpSpPr>
          <a:xfrm>
            <a:off x="10136779" y="394923"/>
            <a:ext cx="1887049" cy="2272181"/>
            <a:chOff x="7484037" y="820268"/>
            <a:chExt cx="2016226" cy="2471937"/>
          </a:xfrm>
        </p:grpSpPr>
        <p:grpSp>
          <p:nvGrpSpPr>
            <p:cNvPr id="9" name="Group 8"/>
            <p:cNvGrpSpPr/>
            <p:nvPr/>
          </p:nvGrpSpPr>
          <p:grpSpPr>
            <a:xfrm>
              <a:off x="7484037" y="1128135"/>
              <a:ext cx="2016226" cy="2164070"/>
              <a:chOff x="9922825" y="1131215"/>
              <a:chExt cx="2016226" cy="2164070"/>
            </a:xfrm>
          </p:grpSpPr>
          <p:grpSp>
            <p:nvGrpSpPr>
              <p:cNvPr id="15" name="Group 14"/>
              <p:cNvGrpSpPr/>
              <p:nvPr/>
            </p:nvGrpSpPr>
            <p:grpSpPr>
              <a:xfrm>
                <a:off x="9922825" y="1131215"/>
                <a:ext cx="2016226" cy="1865737"/>
                <a:chOff x="9922825" y="1131215"/>
                <a:chExt cx="2016226" cy="1865737"/>
              </a:xfrm>
            </p:grpSpPr>
            <p:grpSp>
              <p:nvGrpSpPr>
                <p:cNvPr id="17" name="Group 16"/>
                <p:cNvGrpSpPr/>
                <p:nvPr/>
              </p:nvGrpSpPr>
              <p:grpSpPr>
                <a:xfrm>
                  <a:off x="9922825" y="1131215"/>
                  <a:ext cx="2016226" cy="1303133"/>
                  <a:chOff x="9551590" y="2176202"/>
                  <a:chExt cx="2016226" cy="1303133"/>
                </a:xfrm>
              </p:grpSpPr>
              <p:pic>
                <p:nvPicPr>
                  <p:cNvPr id="21" name="Picture 2" descr="https://lh3.googleusercontent.com/Ai9oOPLhj8pmZaKRhkYJQfPfunZarNc4RPQelFfmPjLIXA2jVquyAHYVq1fQlS5zE7mNt9TEkYjVZru2ZkFkzSoSrSrXQefAE5khv19Q9bLbHvD6Tg3YHhLaVOyE0QYMeyzHiivxkkQhNpf9uipagm27X3-2y4Cg4SQx6QLfXu-k0jQ7RLrbXuEmL-8tA74BWfrNlv5skmUebONf9HO1CQXEYGTznx9df4Sb0WWakrlbgvUlK674FowyDHbE6MLCjCkATJ-AvKdvKWYM0XunXRwCyOOe9QOpYEpvduQGWfRw9IVBYkHE26kvo55czOhDb12uQdIp-tp9lro7wvsKiE0qz5JWAJPgm3aUUGSsAp5dCaWdVQHoxUqoKK4IkrKinPM6vPnW9HWOjHkR_XkuKMKfsf9fq24IBktu8p4UmQ-eWXlFZbhzABxBWJccJLjP9yxPyda1ctTgjP42mZZIwE262Dy-sUYd0trfskI1KEUySY3-wXxhhC89Wh_gJI5TDS0ob3jQOjdItNr1pgAH_dDF8yd72ejhdAzv4pXFy06t3aNkgdS4S7bjGGiVWkoH2FqGdPhZR-8wn8Q4uHkXjfwsZlQefNwvojDtNY_MnpGhyftWJssfN2QNRSdFoePF75aNEvlCgWAy6N1gHLUBfmeYNYFpiWx1ep2e7ytwN_5KVSPfvxx4ykmO=w1344-h1008-no"/>
                  <p:cNvPicPr>
                    <a:picLocks noChangeAspect="1" noChangeArrowheads="1"/>
                  </p:cNvPicPr>
                  <p:nvPr/>
                </p:nvPicPr>
                <p:blipFill rotWithShape="1">
                  <a:blip r:embed="rId2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20722" t="39239" r="12361" b="32224"/>
                  <a:stretch/>
                </p:blipFill>
                <p:spPr bwMode="auto">
                  <a:xfrm>
                    <a:off x="9551590" y="2176202"/>
                    <a:ext cx="2016225" cy="647343"/>
                  </a:xfrm>
                  <a:prstGeom prst="rect">
                    <a:avLst/>
                  </a:prstGeom>
                  <a:noFill/>
                  <a:extLst>
                    <a:ext uri="{909E8E84-426E-40DD-AFC4-6F175D3DCCD1}">
                      <a14:hiddenFill xmlns:a14="http://schemas.microsoft.com/office/drawing/2010/main">
                        <a:solidFill>
                          <a:srgbClr val="FFFFFF"/>
                        </a:solidFill>
                      </a14:hiddenFill>
                    </a:ext>
                  </a:extLst>
                </p:spPr>
              </p:pic>
              <p:pic>
                <p:nvPicPr>
                  <p:cNvPr id="20" name="Picture 2" descr="https://lh3.googleusercontent.com/PfdJhpHtsTGPcFFs7QOVYLG52nJcwPkf2Isi_bBxP4hFui9VMzrv4GSK5GKcMYqrINI1h5RhIb_6b5FpWi2ZgrFVQrgTmezNyl3mpqntrjYJXJoi0mz991sof_CCnI2kQq4KQPDIPJtH9xjTwfDONsFNPtGhTu1j5FvR_8XNGmGRAJlE_67XMUCZWIShKh6ireF6NDJSSlmobnqVy-wcwCblcZIA9QU678mSaeUwbSUuNC-hjgmqXuiIbFSu8K-nxVOwWXBSR8L1f3mmgrJr0S51chC0tVW-DfwIjGY2U43cVghGAaGdOTUmwlQhmMZFlG_DWIABhm3fSnL49IqOq_NUKVrk6MlCmTlOzHP802bXK6NfQpH8zBYmoe3nLUcEIPPj3ZkGA79qF8RzZLZKif10ZPNbL9ahDGfezdhTYQue11615REqvcqbhtv5vzRYbnVDGvYhEsxRG6hxYncmAKaaCugjm_0shJGkOrav1XFEfdj0SgwnvVJLcAG9aW94bC65lOLy3Kb5jbmkFnoIqBgrQYYJC949b-cjly94oo2OJOgpVitzQJWHKOWmsiOqo6RiQDhesEo3P8aZAdAwmzqEVO194xtvzEz2D7QQnPbxq1yUm1KZWae4eUR-XuG4KnW3QCw464yy_v7siGT2pxoaZkhYKL1VnFwCM6vcXWVUCFE70xiKiaCg=w793-h1057-no"/>
                  <p:cNvPicPr>
                    <a:picLocks noChangeAspect="1" noChangeArrowheads="1"/>
                  </p:cNvPicPr>
                  <p:nvPr/>
                </p:nvPicPr>
                <p:blipFill rotWithShape="1">
                  <a:blip r:embed="rId3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 l="36055" t="19852" r="39690" b="25558"/>
                  <a:stretch/>
                </p:blipFill>
                <p:spPr bwMode="auto">
                  <a:xfrm rot="16200000">
                    <a:off x="10415689" y="2327207"/>
                    <a:ext cx="576062" cy="1728193"/>
                  </a:xfrm>
                  <a:prstGeom prst="rect">
                    <a:avLst/>
                  </a:prstGeom>
                  <a:noFill/>
                  <a:extLst>
                    <a:ext uri="{909E8E84-426E-40DD-AFC4-6F175D3DCCD1}">
                      <a14:hiddenFill xmlns:a14="http://schemas.microsoft.com/office/drawing/2010/main">
                        <a:solidFill>
                          <a:srgbClr val="FFFFFF"/>
                        </a:solidFill>
                      </a14:hiddenFill>
                    </a:ext>
                  </a:extLst>
                </p:spPr>
              </p:pic>
            </p:grpSp>
            <p:pic>
              <p:nvPicPr>
                <p:cNvPr id="18" name="Picture 2" descr="https://lh3.googleusercontent.com/JQaD83F4z9DU2M-zicGjVJufVIyFBRnZ2kwqvNUw01-SKc1_4PL9CivitCAl9emuT5JC0lqzqPTRyQZ01VROhQzCcmPgP8mrNSfAd9D9XRzk8y8kYom3nb4SJ8zWmf8q3We4hN7YwAzWp7QqruX_S1eSBiA-3vvKbsoE9MBi7RRcE9JAFD1SsY0_gQCoFdVIeVMxFpQ_AEQlU7IEAS-vqq3SLr-PE3-hnVp29R4d8ABvjrCLpjRCMxQruiutjPFFu0y8Brhv4ExoywSg4PcCB_j4tk29RlSG_Gflzcy76AB9Kj8a4uU2N64XceejmvIHlPgNejQXbWlv5WYOVqVGkNmmV-USBBW_VXU-tue10w8OWvmxjc27TW8IhEcwcb410PaX1ZrvWY-GcquYDrY0rg-58RN7CZ9W4J-nl3_jLd0KpCXqk-Z9gVb_LTy2U_AclIZjGvFL_KFOOKHlRo8nRVUgzK0aEfAPdAQ4xNjJD1XQzZEOhlYUpXENq2EWEGSvvLMokKKIIJNPpU3GJAGhPgrSat7KlytLJKatgHQN857eh-vpxsZsfR1_OBEredzh0y-C2nEobS3280cIRJopbalnM4HyUj9lvk5uybXA8sBqMaBxbGqWKV_TvOnqGcpZtSA1E3NYXsMhzly1X6bbMibi21Ld_vNN514Dq0flFd4i0y-V3cc2vVZB=w1410-h1057-no"/>
                <p:cNvPicPr>
                  <a:picLocks noChangeAspect="1" noChangeArrowheads="1"/>
                </p:cNvPicPr>
                <p:nvPr/>
              </p:nvPicPr>
              <p:blipFill rotWithShape="1">
                <a:blip r:embed="rId4" cstate="print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24462" t="42391" r="25797" b="39131"/>
                <a:stretch/>
              </p:blipFill>
              <p:spPr bwMode="auto">
                <a:xfrm>
                  <a:off x="10206374" y="2514075"/>
                  <a:ext cx="1732675" cy="482877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</p:grpSp>
          <p:sp>
            <p:nvSpPr>
              <p:cNvPr id="16" name="Right Arrow 15"/>
              <p:cNvSpPr/>
              <p:nvPr/>
            </p:nvSpPr>
            <p:spPr bwMode="auto">
              <a:xfrm>
                <a:off x="10597896" y="3124473"/>
                <a:ext cx="978408" cy="170812"/>
              </a:xfrm>
              <a:prstGeom prst="rightArrow">
                <a:avLst>
                  <a:gd name="adj1" fmla="val 50000"/>
                  <a:gd name="adj2" fmla="val 96683"/>
                </a:avLst>
              </a:prstGeom>
              <a:solidFill>
                <a:srgbClr val="008737"/>
              </a:solidFill>
              <a:ln w="9525" cap="flat" cmpd="sng" algn="ctr">
                <a:solidFill>
                  <a:srgbClr val="008737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0000" tIns="396000" rIns="9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r>
                  <a:rPr kumimoji="0" lang="en-US" b="0" i="0" u="none" strike="noStrike" cap="none" normalizeH="0" baseline="0" dirty="0" smtClean="0">
                    <a:ln>
                      <a:noFill/>
                    </a:ln>
                    <a:effectLst/>
                    <a:latin typeface="+mn-lt"/>
                    <a:ea typeface="ＭＳ Ｐゴシック" pitchFamily="-80" charset="-128"/>
                  </a:rPr>
                  <a:t>Fl</a:t>
                </a:r>
                <a:r>
                  <a:rPr kumimoji="0" lang="en-US" sz="1400" b="0" i="0" u="none" strike="noStrike" cap="none" normalizeH="0" baseline="0" dirty="0" smtClean="0">
                    <a:ln>
                      <a:noFill/>
                    </a:ln>
                    <a:effectLst/>
                    <a:latin typeface="+mn-lt"/>
                    <a:ea typeface="ＭＳ Ｐゴシック" pitchFamily="-80" charset="-128"/>
                  </a:rPr>
                  <a:t>ow</a:t>
                </a:r>
                <a:endParaRPr kumimoji="0" lang="en-US" sz="1200" b="0" i="0" u="none" strike="noStrike" cap="none" normalizeH="0" baseline="0" dirty="0" smtClean="0">
                  <a:ln>
                    <a:noFill/>
                  </a:ln>
                  <a:effectLst/>
                  <a:latin typeface="+mn-lt"/>
                  <a:ea typeface="ＭＳ Ｐゴシック" pitchFamily="-80" charset="-128"/>
                </a:endParaRPr>
              </a:p>
            </p:txBody>
          </p:sp>
        </p:grpSp>
        <p:grpSp>
          <p:nvGrpSpPr>
            <p:cNvPr id="10" name="Group 9"/>
            <p:cNvGrpSpPr/>
            <p:nvPr/>
          </p:nvGrpSpPr>
          <p:grpSpPr>
            <a:xfrm>
              <a:off x="9335566" y="820268"/>
              <a:ext cx="162254" cy="2190102"/>
              <a:chOff x="9335566" y="820268"/>
              <a:chExt cx="162254" cy="2190102"/>
            </a:xfrm>
          </p:grpSpPr>
          <p:sp>
            <p:nvSpPr>
              <p:cNvPr id="11" name="TextBox 10"/>
              <p:cNvSpPr txBox="1"/>
              <p:nvPr/>
            </p:nvSpPr>
            <p:spPr>
              <a:xfrm>
                <a:off x="9335566" y="820268"/>
                <a:ext cx="65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endParaRPr lang="en-US" b="1" dirty="0" smtClean="0">
                  <a:latin typeface="+mn-lt"/>
                </a:endParaRPr>
              </a:p>
            </p:txBody>
          </p:sp>
          <p:sp>
            <p:nvSpPr>
              <p:cNvPr id="12" name="TextBox 11"/>
              <p:cNvSpPr txBox="1"/>
              <p:nvPr/>
            </p:nvSpPr>
            <p:spPr>
              <a:xfrm>
                <a:off x="9335566" y="1555576"/>
                <a:ext cx="147476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b="1" dirty="0" smtClean="0">
                    <a:latin typeface="+mn-lt"/>
                  </a:rPr>
                  <a:t>A</a:t>
                </a:r>
              </a:p>
            </p:txBody>
          </p:sp>
          <p:sp>
            <p:nvSpPr>
              <p:cNvPr id="13" name="TextBox 12"/>
              <p:cNvSpPr txBox="1"/>
              <p:nvPr/>
            </p:nvSpPr>
            <p:spPr>
              <a:xfrm>
                <a:off x="9335566" y="2208142"/>
                <a:ext cx="147476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b="1" dirty="0">
                    <a:latin typeface="+mn-lt"/>
                  </a:rPr>
                  <a:t>B</a:t>
                </a:r>
                <a:endParaRPr lang="en-US" b="1" dirty="0" smtClean="0">
                  <a:latin typeface="+mn-lt"/>
                </a:endParaRPr>
              </a:p>
            </p:txBody>
          </p:sp>
          <p:sp>
            <p:nvSpPr>
              <p:cNvPr id="14" name="TextBox 13"/>
              <p:cNvSpPr txBox="1"/>
              <p:nvPr/>
            </p:nvSpPr>
            <p:spPr>
              <a:xfrm>
                <a:off x="9350344" y="2764149"/>
                <a:ext cx="147476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b="1" dirty="0">
                    <a:latin typeface="+mn-lt"/>
                  </a:rPr>
                  <a:t>C</a:t>
                </a:r>
                <a:endParaRPr lang="en-US" b="1" dirty="0" smtClean="0">
                  <a:latin typeface="+mn-lt"/>
                </a:endParaRPr>
              </a:p>
            </p:txBody>
          </p:sp>
        </p:grpSp>
      </p:grpSp>
    </p:spTree>
    <p:extLst>
      <p:ext uri="{BB962C8B-B14F-4D97-AF65-F5344CB8AC3E}">
        <p14:creationId xmlns:p14="http://schemas.microsoft.com/office/powerpoint/2010/main" val="16675386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Annealing at different temperatures</a:t>
            </a:r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>
          <a:xfrm>
            <a:off x="838622" y="1744153"/>
            <a:ext cx="2448272" cy="892759"/>
          </a:xfrm>
        </p:spPr>
        <p:txBody>
          <a:bodyPr/>
          <a:lstStyle/>
          <a:p>
            <a:r>
              <a:rPr lang="el-GR" dirty="0"/>
              <a:t>ω</a:t>
            </a:r>
            <a:r>
              <a:rPr lang="en-US" dirty="0"/>
              <a:t> = 0.5</a:t>
            </a:r>
            <a:r>
              <a:rPr lang="en-US" dirty="0" smtClean="0"/>
              <a:t>°</a:t>
            </a:r>
          </a:p>
          <a:p>
            <a:r>
              <a:rPr lang="en-US" dirty="0" smtClean="0"/>
              <a:t>Mask = 10 mm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smtClean="0"/>
              <a:t>GIXRD</a:t>
            </a:r>
            <a:endParaRPr lang="en-US" dirty="0"/>
          </a:p>
        </p:txBody>
      </p:sp>
      <p:grpSp>
        <p:nvGrpSpPr>
          <p:cNvPr id="10" name="Group 9"/>
          <p:cNvGrpSpPr/>
          <p:nvPr/>
        </p:nvGrpSpPr>
        <p:grpSpPr>
          <a:xfrm>
            <a:off x="334566" y="2780928"/>
            <a:ext cx="8352928" cy="3249956"/>
            <a:chOff x="1846734" y="2389522"/>
            <a:chExt cx="8352928" cy="3249956"/>
          </a:xfrm>
        </p:grpSpPr>
        <p:pic>
          <p:nvPicPr>
            <p:cNvPr id="2" name="Picture 1"/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846734" y="2389522"/>
              <a:ext cx="7615424" cy="3249956"/>
            </a:xfrm>
            <a:prstGeom prst="rect">
              <a:avLst/>
            </a:prstGeom>
          </p:spPr>
        </p:pic>
        <p:grpSp>
          <p:nvGrpSpPr>
            <p:cNvPr id="15" name="Group 14"/>
            <p:cNvGrpSpPr/>
            <p:nvPr/>
          </p:nvGrpSpPr>
          <p:grpSpPr>
            <a:xfrm>
              <a:off x="8241381" y="2766669"/>
              <a:ext cx="1045091" cy="2242542"/>
              <a:chOff x="8169372" y="3310328"/>
              <a:chExt cx="1045091" cy="2242542"/>
            </a:xfrm>
          </p:grpSpPr>
          <p:pic>
            <p:nvPicPr>
              <p:cNvPr id="22" name="Picture 21"/>
              <p:cNvPicPr>
                <a:picLocks noChangeAspect="1"/>
              </p:cNvPicPr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8258518" y="3310328"/>
                <a:ext cx="929203" cy="173005"/>
              </a:xfrm>
              <a:prstGeom prst="rect">
                <a:avLst/>
              </a:prstGeom>
            </p:spPr>
          </p:pic>
          <p:pic>
            <p:nvPicPr>
              <p:cNvPr id="23" name="Picture 22"/>
              <p:cNvPicPr>
                <a:picLocks noChangeAspect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8279885" y="4325192"/>
                <a:ext cx="907836" cy="173089"/>
              </a:xfrm>
              <a:prstGeom prst="rect">
                <a:avLst/>
              </a:prstGeom>
            </p:spPr>
          </p:pic>
          <p:pic>
            <p:nvPicPr>
              <p:cNvPr id="24" name="Picture 23"/>
              <p:cNvPicPr>
                <a:picLocks noChangeAspect="1"/>
              </p:cNvPicPr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8323625" y="4647279"/>
                <a:ext cx="864096" cy="180370"/>
              </a:xfrm>
              <a:prstGeom prst="rect">
                <a:avLst/>
              </a:prstGeom>
            </p:spPr>
          </p:pic>
          <p:pic>
            <p:nvPicPr>
              <p:cNvPr id="25" name="Picture 24"/>
              <p:cNvPicPr>
                <a:picLocks noChangeAspect="1"/>
              </p:cNvPicPr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8169372" y="4991140"/>
                <a:ext cx="1045091" cy="177133"/>
              </a:xfrm>
              <a:prstGeom prst="rect">
                <a:avLst/>
              </a:prstGeom>
            </p:spPr>
          </p:pic>
          <p:pic>
            <p:nvPicPr>
              <p:cNvPr id="26" name="Picture 25"/>
              <p:cNvPicPr>
                <a:picLocks noChangeAspect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8471470" y="5349892"/>
                <a:ext cx="685051" cy="202978"/>
              </a:xfrm>
              <a:prstGeom prst="rect">
                <a:avLst/>
              </a:prstGeom>
            </p:spPr>
          </p:pic>
        </p:grpSp>
        <p:pic>
          <p:nvPicPr>
            <p:cNvPr id="3" name="Picture 2"/>
            <p:cNvPicPr>
              <a:picLocks noChangeAspect="1"/>
            </p:cNvPicPr>
            <p:nvPr/>
          </p:nvPicPr>
          <p:blipFill>
            <a:blip r:embed="rId8"/>
            <a:stretch>
              <a:fillRect/>
            </a:stretch>
          </p:blipFill>
          <p:spPr>
            <a:xfrm>
              <a:off x="7922115" y="3121293"/>
              <a:ext cx="1364357" cy="181109"/>
            </a:xfrm>
            <a:prstGeom prst="rect">
              <a:avLst/>
            </a:prstGeom>
          </p:spPr>
        </p:pic>
        <p:pic>
          <p:nvPicPr>
            <p:cNvPr id="6" name="Picture 5"/>
            <p:cNvPicPr>
              <a:picLocks noChangeAspect="1"/>
            </p:cNvPicPr>
            <p:nvPr/>
          </p:nvPicPr>
          <p:blipFill>
            <a:blip r:embed="rId9"/>
            <a:stretch>
              <a:fillRect/>
            </a:stretch>
          </p:blipFill>
          <p:spPr>
            <a:xfrm>
              <a:off x="7922115" y="3444148"/>
              <a:ext cx="2277547" cy="200011"/>
            </a:xfrm>
            <a:prstGeom prst="rect">
              <a:avLst/>
            </a:prstGeom>
          </p:spPr>
        </p:pic>
      </p:grpSp>
      <p:grpSp>
        <p:nvGrpSpPr>
          <p:cNvPr id="21" name="Group 20"/>
          <p:cNvGrpSpPr/>
          <p:nvPr/>
        </p:nvGrpSpPr>
        <p:grpSpPr>
          <a:xfrm>
            <a:off x="9479582" y="2780928"/>
            <a:ext cx="2194096" cy="2705785"/>
            <a:chOff x="8005566" y="2883455"/>
            <a:chExt cx="2194096" cy="2705785"/>
          </a:xfrm>
        </p:grpSpPr>
        <p:grpSp>
          <p:nvGrpSpPr>
            <p:cNvPr id="17" name="Group 16"/>
            <p:cNvGrpSpPr/>
            <p:nvPr/>
          </p:nvGrpSpPr>
          <p:grpSpPr>
            <a:xfrm>
              <a:off x="8903518" y="2883455"/>
              <a:ext cx="1296144" cy="1791941"/>
              <a:chOff x="9533122" y="230803"/>
              <a:chExt cx="1296144" cy="1791941"/>
            </a:xfrm>
          </p:grpSpPr>
          <p:pic>
            <p:nvPicPr>
              <p:cNvPr id="18" name="Picture 2" descr="https://lh3.googleusercontent.com/k6ihYAVuRqomWUdS-IcaN15ai5ftE-wBZOQBK_rdc35sL13CfpOtAOEGgAtz3FEeolxKkQRhEgwEsFpQZveQbzW9giMv7mCa2-rn2n9aHXpSSjLER3gFqyffLpefiYosI95fCJKVjw2pte3ZinkVZMLHKfeHYOWDek7Gnho5cIrPAp78Z5y6U_wuCbd1Z-Y8M9--5LaTPY2SyBminsF6H8PLWsFyykz3u91cVPBd2Vfi7eLAokNJ8KH52s3CyI_lgQaJVNYa-Awj8Ds19V7s2csiqr0YAVai220FZ0ropy-5PNikqa0iiOaqxJRi5tDmzOcLjtnD0dnLIwxIokLMW8QMlXi2ZBB7mNcnBctVr_66YJwZMcDk54xWjHSiLsg5Zks-i6jk90qtF8YMNd2o2ElwQNxDAW-K1KH1eSL5s34kA-QwBMF0UhN8rRPVrOY08Ly9kZ-c059bEplbQFrOkCzYl_jSR30MB_QF2DMljAZP5qKIiNA5BuMAqQTWIjeEXzDipLjnjdINfSgEq_ziGTk112eCntbCYbJB-tdtRzpy7sNDvyGeWgY0itAnJz6hqdxrKs9DkMD7npa2fq7o9BADvWGqqsLD_5ERhIs5GcRwD4DJ0WBS5DWyNx-OPbjUicGXZMNmyOIa_81S9FmAc8KrXV48bfXgrjoTcfuIsPuCdl1goMDpRjKy=w1410-h1057-no"/>
              <p:cNvPicPr>
                <a:picLocks noChangeAspect="1" noChangeArrowheads="1"/>
              </p:cNvPicPr>
              <p:nvPr/>
            </p:nvPicPr>
            <p:blipFill rotWithShape="1">
              <a:blip r:embed="rId10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30276" t="26494" r="34524" b="42226"/>
              <a:stretch/>
            </p:blipFill>
            <p:spPr bwMode="auto">
              <a:xfrm>
                <a:off x="9533122" y="1158648"/>
                <a:ext cx="1296144" cy="864096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19" name="Picture 2" descr="https://lh3.googleusercontent.com/MUheiE-DHn6K2ZVyYI9gohtSPfllFYWjKRAgYSVgbSNRnsTQubKGR0r3cN0UcH1OCPRyadkMLloJUuSbdmVQaYK8-0oAZMSkjeitex6K5HHWQL_Ux6xIcD9N5ctNuvAqEOJz1R2M5tmTUlBUx309Rhub48-XDU2lCyVPr_F82oxA8uGCMN2qBDbZMsst9eZlBNuZsjAJ99HqrCc4PgDbI3GNNp9T3-U6eOjYgnwWaLZNr7BEnHS0WMeRJZT986R59Dcs-0k5cjJbbJnHUIL9JwJL8VaOZvS-z0fZXZpGrVx4bfWc5a-0oSwK8iwyDOLpHl-REHrT5gJjIk6z_V907XFKfcvMTAUBEt2TPJ4ugplZhWbxRXA9qq-1vdVggUoIFMSOxMsqeHgeI7fr9O5nQJksq4jR1dqUxhx2aBtcSOIYjW1H1GTIDFKUrg2-rZi0Fhi8ltCInh0TuTXItj5YpeUW1vT-Gc3J-DI4ru9Yt9HhWUkt1Nh1DU0NfWNAPORuHZlUbThgYDNOdRaFFDXJDcO9nxYlaV9ZC0PT6iJ1TAVOPvK4Fnt8uob7huy0Yo-soakebcFiGSfEXW9EuNvKLeSBZF76j9opRV2FcHSeSTzKgxWe-uccLgRSssfVujle5jBig_BHpn2hV_tVAlVpnOUZD70dQ6XFiT0EsfBCWJHlGzYlgZ94RGws=w793-h1057-no"/>
              <p:cNvPicPr>
                <a:picLocks noChangeAspect="1" noChangeArrowheads="1"/>
              </p:cNvPicPr>
              <p:nvPr/>
            </p:nvPicPr>
            <p:blipFill rotWithShape="1">
              <a:blip r:embed="rId11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27182" t="35287" r="19708" b="37451"/>
              <a:stretch/>
            </p:blipFill>
            <p:spPr bwMode="auto">
              <a:xfrm>
                <a:off x="9533122" y="230803"/>
                <a:ext cx="1296144" cy="886836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cxnSp>
          <p:nvCxnSpPr>
            <p:cNvPr id="12" name="Straight Arrow Connector 11"/>
            <p:cNvCxnSpPr/>
            <p:nvPr/>
          </p:nvCxnSpPr>
          <p:spPr bwMode="auto">
            <a:xfrm flipH="1" flipV="1">
              <a:off x="8005566" y="3325879"/>
              <a:ext cx="681928" cy="18682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4" name="Right Brace 13"/>
            <p:cNvSpPr/>
            <p:nvPr/>
          </p:nvSpPr>
          <p:spPr bwMode="auto">
            <a:xfrm>
              <a:off x="8005566" y="3578364"/>
              <a:ext cx="416810" cy="1260523"/>
            </a:xfrm>
            <a:prstGeom prst="rightBrace">
              <a:avLst>
                <a:gd name="adj1" fmla="val 8333"/>
                <a:gd name="adj2" fmla="val 50662"/>
              </a:avLst>
            </a:prstGeom>
            <a:noFill/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rtlCol="0" anchor="ctr"/>
            <a:lstStyle/>
            <a:p>
              <a:pPr algn="ctr"/>
              <a:endParaRPr lang="en-US"/>
            </a:p>
          </p:txBody>
        </p:sp>
        <p:cxnSp>
          <p:nvCxnSpPr>
            <p:cNvPr id="28" name="Straight Arrow Connector 27"/>
            <p:cNvCxnSpPr/>
            <p:nvPr/>
          </p:nvCxnSpPr>
          <p:spPr bwMode="auto">
            <a:xfrm flipH="1">
              <a:off x="8005566" y="5337532"/>
              <a:ext cx="762152" cy="251708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</p:spTree>
    <p:extLst>
      <p:ext uri="{BB962C8B-B14F-4D97-AF65-F5344CB8AC3E}">
        <p14:creationId xmlns:p14="http://schemas.microsoft.com/office/powerpoint/2010/main" val="9195438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nealing at different </a:t>
            </a:r>
            <a:r>
              <a:rPr lang="en-US" dirty="0" smtClean="0"/>
              <a:t>temperatures - </a:t>
            </a:r>
            <a:r>
              <a:rPr lang="en-US" dirty="0" err="1" smtClean="0"/>
              <a:t>Pd</a:t>
            </a: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>
          <a:xfrm>
            <a:off x="838622" y="1744153"/>
            <a:ext cx="3528392" cy="892759"/>
          </a:xfrm>
        </p:spPr>
        <p:txBody>
          <a:bodyPr/>
          <a:lstStyle/>
          <a:p>
            <a:r>
              <a:rPr lang="en-US" dirty="0" smtClean="0"/>
              <a:t>No pure </a:t>
            </a:r>
            <a:r>
              <a:rPr lang="en-US" dirty="0" err="1" smtClean="0"/>
              <a:t>Pd</a:t>
            </a:r>
            <a:r>
              <a:rPr lang="en-US" dirty="0" smtClean="0"/>
              <a:t> at T &gt; 523 K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b="1" dirty="0">
              <a:solidFill>
                <a:schemeClr val="bg1"/>
              </a:solidFill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smtClean="0"/>
              <a:t>GIXRD - </a:t>
            </a:r>
            <a:r>
              <a:rPr lang="el-GR" dirty="0"/>
              <a:t>ω</a:t>
            </a:r>
            <a:r>
              <a:rPr lang="en-US" dirty="0"/>
              <a:t> = 0.5</a:t>
            </a:r>
            <a:r>
              <a:rPr lang="en-US" dirty="0" smtClean="0"/>
              <a:t>°, mask </a:t>
            </a:r>
            <a:r>
              <a:rPr lang="en-US" dirty="0"/>
              <a:t>= 10 mm</a:t>
            </a:r>
          </a:p>
          <a:p>
            <a:endParaRPr lang="en-US" dirty="0"/>
          </a:p>
          <a:p>
            <a:endParaRPr lang="en-US" dirty="0"/>
          </a:p>
        </p:txBody>
      </p:sp>
      <p:grpSp>
        <p:nvGrpSpPr>
          <p:cNvPr id="16" name="Group 15"/>
          <p:cNvGrpSpPr/>
          <p:nvPr/>
        </p:nvGrpSpPr>
        <p:grpSpPr>
          <a:xfrm>
            <a:off x="8399462" y="2192045"/>
            <a:ext cx="2256112" cy="2821131"/>
            <a:chOff x="8399462" y="2192045"/>
            <a:chExt cx="2256112" cy="2821131"/>
          </a:xfrm>
        </p:grpSpPr>
        <p:grpSp>
          <p:nvGrpSpPr>
            <p:cNvPr id="21" name="Group 20"/>
            <p:cNvGrpSpPr/>
            <p:nvPr/>
          </p:nvGrpSpPr>
          <p:grpSpPr>
            <a:xfrm>
              <a:off x="8399462" y="2192045"/>
              <a:ext cx="2256112" cy="2821131"/>
              <a:chOff x="8005566" y="1718508"/>
              <a:chExt cx="2256112" cy="2821131"/>
            </a:xfrm>
          </p:grpSpPr>
          <p:grpSp>
            <p:nvGrpSpPr>
              <p:cNvPr id="17" name="Group 16"/>
              <p:cNvGrpSpPr/>
              <p:nvPr/>
            </p:nvGrpSpPr>
            <p:grpSpPr>
              <a:xfrm>
                <a:off x="8964148" y="1718508"/>
                <a:ext cx="1297530" cy="2674529"/>
                <a:chOff x="9593752" y="-934144"/>
                <a:chExt cx="1297530" cy="2674529"/>
              </a:xfrm>
            </p:grpSpPr>
            <p:pic>
              <p:nvPicPr>
                <p:cNvPr id="18" name="Picture 2" descr="https://lh3.googleusercontent.com/k6ihYAVuRqomWUdS-IcaN15ai5ftE-wBZOQBK_rdc35sL13CfpOtAOEGgAtz3FEeolxKkQRhEgwEsFpQZveQbzW9giMv7mCa2-rn2n9aHXpSSjLER3gFqyffLpefiYosI95fCJKVjw2pte3ZinkVZMLHKfeHYOWDek7Gnho5cIrPAp78Z5y6U_wuCbd1Z-Y8M9--5LaTPY2SyBminsF6H8PLWsFyykz3u91cVPBd2Vfi7eLAokNJ8KH52s3CyI_lgQaJVNYa-Awj8Ds19V7s2csiqr0YAVai220FZ0ropy-5PNikqa0iiOaqxJRi5tDmzOcLjtnD0dnLIwxIokLMW8QMlXi2ZBB7mNcnBctVr_66YJwZMcDk54xWjHSiLsg5Zks-i6jk90qtF8YMNd2o2ElwQNxDAW-K1KH1eSL5s34kA-QwBMF0UhN8rRPVrOY08Ly9kZ-c059bEplbQFrOkCzYl_jSR30MB_QF2DMljAZP5qKIiNA5BuMAqQTWIjeEXzDipLjnjdINfSgEq_ziGTk112eCntbCYbJB-tdtRzpy7sNDvyGeWgY0itAnJz6hqdxrKs9DkMD7npa2fq7o9BADvWGqqsLD_5ERhIs5GcRwD4DJ0WBS5DWyNx-OPbjUicGXZMNmyOIa_81S9FmAc8KrXV48bfXgrjoTcfuIsPuCdl1goMDpRjKy=w1410-h1057-no"/>
                <p:cNvPicPr>
                  <a:picLocks noChangeAspect="1" noChangeArrowheads="1"/>
                </p:cNvPicPr>
                <p:nvPr/>
              </p:nvPicPr>
              <p:blipFill rotWithShape="1">
                <a:blip r:embed="rId2" cstate="print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30276" t="26494" r="34524" b="42226"/>
                <a:stretch/>
              </p:blipFill>
              <p:spPr bwMode="auto">
                <a:xfrm>
                  <a:off x="9595138" y="876289"/>
                  <a:ext cx="1296144" cy="864096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  <p:pic>
              <p:nvPicPr>
                <p:cNvPr id="19" name="Picture 2" descr="https://lh3.googleusercontent.com/MUheiE-DHn6K2ZVyYI9gohtSPfllFYWjKRAgYSVgbSNRnsTQubKGR0r3cN0UcH1OCPRyadkMLloJUuSbdmVQaYK8-0oAZMSkjeitex6K5HHWQL_Ux6xIcD9N5ctNuvAqEOJz1R2M5tmTUlBUx309Rhub48-XDU2lCyVPr_F82oxA8uGCMN2qBDbZMsst9eZlBNuZsjAJ99HqrCc4PgDbI3GNNp9T3-U6eOjYgnwWaLZNr7BEnHS0WMeRJZT986R59Dcs-0k5cjJbbJnHUIL9JwJL8VaOZvS-z0fZXZpGrVx4bfWc5a-0oSwK8iwyDOLpHl-REHrT5gJjIk6z_V907XFKfcvMTAUBEt2TPJ4ugplZhWbxRXA9qq-1vdVggUoIFMSOxMsqeHgeI7fr9O5nQJksq4jR1dqUxhx2aBtcSOIYjW1H1GTIDFKUrg2-rZi0Fhi8ltCInh0TuTXItj5YpeUW1vT-Gc3J-DI4ru9Yt9HhWUkt1Nh1DU0NfWNAPORuHZlUbThgYDNOdRaFFDXJDcO9nxYlaV9ZC0PT6iJ1TAVOPvK4Fnt8uob7huy0Yo-soakebcFiGSfEXW9EuNvKLeSBZF76j9opRV2FcHSeSTzKgxWe-uccLgRSssfVujle5jBig_BHpn2hV_tVAlVpnOUZD70dQ6XFiT0EsfBCWJHlGzYlgZ94RGws=w793-h1057-no"/>
                <p:cNvPicPr>
                  <a:picLocks noChangeAspect="1" noChangeArrowheads="1"/>
                </p:cNvPicPr>
                <p:nvPr/>
              </p:nvPicPr>
              <p:blipFill rotWithShape="1">
                <a:blip r:embed="rId3" cstate="print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rcRect l="27182" t="35287" r="19708" b="37451"/>
                <a:stretch/>
              </p:blipFill>
              <p:spPr bwMode="auto">
                <a:xfrm>
                  <a:off x="9593752" y="-934144"/>
                  <a:ext cx="1296144" cy="886836"/>
                </a:xfrm>
                <a:prstGeom prst="rect">
                  <a:avLst/>
                </a:prstGeom>
                <a:noFill/>
                <a:extLst>
                  <a:ext uri="{909E8E84-426E-40DD-AFC4-6F175D3DCCD1}">
                    <a14:hiddenFill xmlns:a14="http://schemas.microsoft.com/office/drawing/2010/main">
                      <a:solidFill>
                        <a:srgbClr val="FFFFFF"/>
                      </a:solidFill>
                    </a14:hiddenFill>
                  </a:ext>
                </a:extLst>
              </p:spPr>
            </p:pic>
          </p:grpSp>
          <p:cxnSp>
            <p:nvCxnSpPr>
              <p:cNvPr id="12" name="Straight Arrow Connector 11"/>
              <p:cNvCxnSpPr/>
              <p:nvPr/>
            </p:nvCxnSpPr>
            <p:spPr bwMode="auto">
              <a:xfrm flipH="1">
                <a:off x="8051345" y="2285684"/>
                <a:ext cx="695331" cy="442753"/>
              </a:xfrm>
              <a:prstGeom prst="straightConnector1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triangle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14" name="Right Brace 13"/>
              <p:cNvSpPr/>
              <p:nvPr/>
            </p:nvSpPr>
            <p:spPr bwMode="auto">
              <a:xfrm>
                <a:off x="8005566" y="3578364"/>
                <a:ext cx="416810" cy="961275"/>
              </a:xfrm>
              <a:prstGeom prst="rightBrace">
                <a:avLst>
                  <a:gd name="adj1" fmla="val 8333"/>
                  <a:gd name="adj2" fmla="val 50662"/>
                </a:avLst>
              </a:prstGeom>
              <a:noFill/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/>
            </p:spPr>
            <p:txBody>
              <a:bodyPr rtlCol="0" anchor="ctr"/>
              <a:lstStyle/>
              <a:p>
                <a:pPr algn="ctr"/>
                <a:endParaRPr lang="en-US" b="1">
                  <a:solidFill>
                    <a:schemeClr val="bg1"/>
                  </a:solidFill>
                </a:endParaRPr>
              </a:p>
            </p:txBody>
          </p:sp>
          <p:cxnSp>
            <p:nvCxnSpPr>
              <p:cNvPr id="28" name="Straight Arrow Connector 27"/>
              <p:cNvCxnSpPr/>
              <p:nvPr/>
            </p:nvCxnSpPr>
            <p:spPr bwMode="auto">
              <a:xfrm flipH="1">
                <a:off x="8082896" y="3035472"/>
                <a:ext cx="762152" cy="251708"/>
              </a:xfrm>
              <a:prstGeom prst="straightConnector1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triangle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</p:grpSp>
        <p:pic>
          <p:nvPicPr>
            <p:cNvPr id="1026" name="Picture 2" descr="https://lh3.googleusercontent.com/da7wML0VVSaqvrYBeRJYi6AE5ycRkBcI2Tps0MKh4UVvTbZ-uTNHA_C3bEY3it1EidbdVien7Z5GFxl0g26TVnnRYMNXIdeGkJDlCo-twgYzjp7UWF6eouYYqeK2IKrmK2VYogCm4RpgogaWz1XufWTdJ2JktIIijRwmoZgRZu6Ui2NtV3-Kh8NrZ5Mz6LvuNdeV7CRPtgmdF38QBSbL1_0AVWXM2tluHO7B1YIaIB0WAT4tdWzrOgLR6ELu3F86hQgaZXXFAQO5ZXycvrA-71tEZX2kRbCQflOG2SOBP-awKP3WL6SDDJxh75d3jy3dSJKdtiGwbVZ3uS6UDRk2fnqcwbTObUmWoO4pqoj1GO_N5tmP38odQbq7Xg3hjuQ_fR5YS1ySXD0UUoOt4j2tPRJANoi-re_BqBjUaYNSH3Lnz9gbkPcmYtMSvv425ZnaBo7B_HiVx1qarMNpCiPnWdRN-poOLaYSKFtN-kkAlqdNhW0g9rorv3n9QT8eIbq8k50B0CuMtLimG89e8yijGxhXGMS8iLp5WnqRxhNIO-rJ2hChn8j5q5WkL15m45kB6sGhX5i7vUSViJR3fp_TqNRy0GKfvfXMMRxP02zzRr5lsLg4ocBOmeqeTJLso8KVP2f5uECZZsAR8Qov8mCTeKW0TpA2c-cLyn734ltCrj_91e4yDrZrnVD9=w793-h1057-no"/>
            <p:cNvPicPr>
              <a:picLocks noChangeAspect="1" noChangeArrowheads="1"/>
            </p:cNvPicPr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172" t="37006" r="12841" b="23149"/>
            <a:stretch/>
          </p:blipFill>
          <p:spPr bwMode="auto">
            <a:xfrm>
              <a:off x="9358044" y="3126111"/>
              <a:ext cx="1296144" cy="839629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sp>
        <p:nvSpPr>
          <p:cNvPr id="20" name="TextBox 19"/>
          <p:cNvSpPr txBox="1"/>
          <p:nvPr/>
        </p:nvSpPr>
        <p:spPr>
          <a:xfrm>
            <a:off x="10118785" y="4620353"/>
            <a:ext cx="5466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 smtClean="0">
                <a:solidFill>
                  <a:schemeClr val="bg1"/>
                </a:solidFill>
                <a:latin typeface="+mn-lt"/>
              </a:rPr>
              <a:t>623 K</a:t>
            </a:r>
          </a:p>
        </p:txBody>
      </p:sp>
      <p:sp>
        <p:nvSpPr>
          <p:cNvPr id="31" name="TextBox 30"/>
          <p:cNvSpPr txBox="1"/>
          <p:nvPr/>
        </p:nvSpPr>
        <p:spPr>
          <a:xfrm>
            <a:off x="10103276" y="3706294"/>
            <a:ext cx="5466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solidFill>
                  <a:schemeClr val="bg1"/>
                </a:solidFill>
                <a:latin typeface="+mn-lt"/>
              </a:rPr>
              <a:t>7</a:t>
            </a:r>
            <a:r>
              <a:rPr lang="en-US" b="1" dirty="0" smtClean="0">
                <a:solidFill>
                  <a:schemeClr val="bg1"/>
                </a:solidFill>
                <a:latin typeface="+mn-lt"/>
              </a:rPr>
              <a:t>23 K</a:t>
            </a:r>
          </a:p>
        </p:txBody>
      </p:sp>
      <p:sp>
        <p:nvSpPr>
          <p:cNvPr id="32" name="TextBox 31"/>
          <p:cNvSpPr txBox="1"/>
          <p:nvPr/>
        </p:nvSpPr>
        <p:spPr>
          <a:xfrm>
            <a:off x="10103276" y="2839272"/>
            <a:ext cx="54662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 smtClean="0">
                <a:solidFill>
                  <a:schemeClr val="bg1"/>
                </a:solidFill>
                <a:latin typeface="+mn-lt"/>
              </a:rPr>
              <a:t>873 K</a:t>
            </a:r>
          </a:p>
        </p:txBody>
      </p:sp>
      <p:pic>
        <p:nvPicPr>
          <p:cNvPr id="30" name="Picture 29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2071" y="2788524"/>
            <a:ext cx="8235171" cy="3514439"/>
          </a:xfrm>
          <a:prstGeom prst="rect">
            <a:avLst/>
          </a:prstGeom>
        </p:spPr>
      </p:pic>
      <p:pic>
        <p:nvPicPr>
          <p:cNvPr id="33" name="Picture 32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368385" y="1502466"/>
            <a:ext cx="2425302" cy="18116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927371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964369970345660","enableDocumentContentUpdater":true,"version":"1.2"}]]></TemplafySlideTemplateConfiguration>
</file>

<file path=customXml/item2.xml><?xml version="1.0" encoding="utf-8"?>
<TemplafyTemplateConfiguration><![CDATA[{"elementsMetadata":[{"type":"shape","id":"b2731bc4-e5db-4b52-bfb9-38f322471858","elementConfiguration":{"binding":"UserProfile.Offices.Workarea_{{DocumentLanguage}}","disableUpdates":false,"type":"text"}},{"type":"shape","id":"d4ad963c-5d27-4ec4-889b-c33b15b4fcf7","elementConfiguration":{"binding":"Form.Date","format":"{{DateFormats.GeneralDate}}","disableUpdates":false,"type":"date"}},{"type":"shape","id":"d600d8c1-45ce-4b93-83df-457a7732ef8a","elementConfiguration":{"binding":"Form.PresentationTitle","disableUpdates":false,"type":"text"}}],"transformationConfigurations":[{"language":"{{DocumentLanguage}}","disableUpdates":false,"type":"proofingLanguage"}],"templateName":"DTU Template 16_9 - Green","templateDescription":"","enableDocumentContentUpdater":true,"version":"1.2"}]]></Templafy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meEcGyVkG5FY8J4gP+eQIg=="},{"name":"PresentationTitle","value":"fVNiocuNkcX17K/FvG6mhiAc+dk+yHWn9u9mS1QYMmQ="}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C737E023FA8814B8FAFC758585580F0" ma:contentTypeVersion="7" ma:contentTypeDescription="Opret et nyt dokument." ma:contentTypeScope="" ma:versionID="638274c78b8d30ed9552a20ed28b89e8">
  <xsd:schema xmlns:xsd="http://www.w3.org/2001/XMLSchema" xmlns:xs="http://www.w3.org/2001/XMLSchema" xmlns:p="http://schemas.microsoft.com/office/2006/metadata/properties" xmlns:ns3="590467b8-7c49-4d2f-8728-66506e20d5f7" targetNamespace="http://schemas.microsoft.com/office/2006/metadata/properties" ma:root="true" ma:fieldsID="82a655819ae56a3bc2238da480de4447" ns3:_="">
    <xsd:import namespace="590467b8-7c49-4d2f-8728-66506e20d5f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90467b8-7c49-4d2f-8728-66506e20d5f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B7D4340-81E9-46AF-B909-48B68CC900EF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9A75AE2F-93CA-4972-86BB-29AB79ACCA1E}">
  <ds:schemaRefs/>
</ds:datastoreItem>
</file>

<file path=customXml/itemProps4.xml><?xml version="1.0" encoding="utf-8"?>
<ds:datastoreItem xmlns:ds="http://schemas.openxmlformats.org/officeDocument/2006/customXml" ds:itemID="{4C783684-3C48-4182-96D6-D5E1A36F2834}">
  <ds:schemaRefs>
    <ds:schemaRef ds:uri="http://schemas.openxmlformats.org/package/2006/metadata/core-properties"/>
    <ds:schemaRef ds:uri="http://purl.org/dc/elements/1.1/"/>
    <ds:schemaRef ds:uri="http://schemas.microsoft.com/office/infopath/2007/PartnerControls"/>
    <ds:schemaRef ds:uri="590467b8-7c49-4d2f-8728-66506e20d5f7"/>
    <ds:schemaRef ds:uri="http://purl.org/dc/terms/"/>
    <ds:schemaRef ds:uri="http://schemas.microsoft.com/office/2006/documentManagement/types"/>
    <ds:schemaRef ds:uri="http://schemas.microsoft.com/office/2006/metadata/properties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ABF51F55-B004-46D7-A679-5A180B2299D4}">
  <ds:schemaRefs/>
</ds:datastoreItem>
</file>

<file path=customXml/itemProps6.xml><?xml version="1.0" encoding="utf-8"?>
<ds:datastoreItem xmlns:ds="http://schemas.openxmlformats.org/officeDocument/2006/customXml" ds:itemID="{D63ABDA6-5C33-4EC5-B851-214E5F27846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90467b8-7c49-4d2f-8728-66506e20d5f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40BF509C-78FA-46F5-B5D7-7488E351E3B9}">
  <ds:schemaRefs/>
</ds:datastoreItem>
</file>

<file path=customXml/itemProps8.xml><?xml version="1.0" encoding="utf-8"?>
<ds:datastoreItem xmlns:ds="http://schemas.openxmlformats.org/officeDocument/2006/customXml" ds:itemID="{BDF24F0A-B8FF-43DE-92DA-AC86FABA256A}">
  <ds:schemaRefs/>
</ds:datastoreItem>
</file>

<file path=customXml/itemProps9.xml><?xml version="1.0" encoding="utf-8"?>
<ds:datastoreItem xmlns:ds="http://schemas.openxmlformats.org/officeDocument/2006/customXml" ds:itemID="{09B326A9-A6D9-4637-8FD1-E4217CF1AF50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8476</TotalTime>
  <Words>705</Words>
  <Application>Microsoft Office PowerPoint</Application>
  <PresentationFormat>Custom</PresentationFormat>
  <Paragraphs>164</Paragraphs>
  <Slides>17</Slides>
  <Notes>1</Notes>
  <HiddenSlides>1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2" baseType="lpstr">
      <vt:lpstr>ＭＳ Ｐゴシック</vt:lpstr>
      <vt:lpstr>Arial</vt:lpstr>
      <vt:lpstr>Verdana</vt:lpstr>
      <vt:lpstr>Wingdings</vt:lpstr>
      <vt:lpstr>Blank</vt:lpstr>
      <vt:lpstr>PowerPoint Presentation</vt:lpstr>
      <vt:lpstr>CVD of PdZn </vt:lpstr>
      <vt:lpstr>PdZn = Cu</vt:lpstr>
      <vt:lpstr>”Expected” (desirable) PdZn formation</vt:lpstr>
      <vt:lpstr>APVCD Procedure</vt:lpstr>
      <vt:lpstr>Configurations</vt:lpstr>
      <vt:lpstr>Samples</vt:lpstr>
      <vt:lpstr>Annealing at different temperatures</vt:lpstr>
      <vt:lpstr>Annealing at different temperatures - Pd</vt:lpstr>
      <vt:lpstr>Annealing at different temperatures</vt:lpstr>
      <vt:lpstr>Annealing at different temperatures</vt:lpstr>
      <vt:lpstr>Annealing at 873 K  Pd2.352Zn10.648</vt:lpstr>
      <vt:lpstr>Annealing at 723 K  Pd2.352Zn10.648</vt:lpstr>
      <vt:lpstr>Annealing at 623 K  Pd₂Si </vt:lpstr>
      <vt:lpstr>Annealing at 623 K  Si on the surface</vt:lpstr>
      <vt:lpstr>Next steps</vt:lpstr>
      <vt:lpstr>Any suggestions?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Celia Sullca Huaman Cailloux</cp:lastModifiedBy>
  <cp:revision>286</cp:revision>
  <dcterms:created xsi:type="dcterms:W3CDTF">2017-07-31T08:31:56Z</dcterms:created>
  <dcterms:modified xsi:type="dcterms:W3CDTF">2019-11-07T13:35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7038819816163848</vt:lpwstr>
  </property>
  <property fmtid="{D5CDD505-2E9C-101B-9397-08002B2CF9AE}" pid="7" name="TemplafyLanguageCode">
    <vt:lpwstr>da-DK</vt:lpwstr>
  </property>
  <property fmtid="{D5CDD505-2E9C-101B-9397-08002B2CF9AE}" pid="8" name="ContentTypeId">
    <vt:lpwstr>0x0101003C737E023FA8814B8FAFC758585580F0</vt:lpwstr>
  </property>
</Properties>
</file>